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426"/>
  <workbookPr/>
  <mc:AlternateContent xmlns:mc="http://schemas.openxmlformats.org/markup-compatibility/2006">
    <mc:Choice Requires="x15">
      <x15ac:absPath xmlns:x15ac="http://schemas.microsoft.com/office/spreadsheetml/2010/11/ac" url="C:\Users\s00860\Desktop\"/>
    </mc:Choice>
  </mc:AlternateContent>
  <xr:revisionPtr revIDLastSave="0" documentId="8_{B8D6FB8D-3A84-460E-AA5D-9D1908B39292}" xr6:coauthVersionLast="47" xr6:coauthVersionMax="47" xr10:uidLastSave="{00000000-0000-0000-0000-000000000000}"/>
  <bookViews>
    <workbookView xWindow="-120" yWindow="-120" windowWidth="29040" windowHeight="15720" xr2:uid="{00000000-000D-0000-FFFF-FFFF00000000}"/>
  </bookViews>
  <sheets>
    <sheet name="16-1届出書" sheetId="11" r:id="rId1"/>
    <sheet name="16-2体制要件" sheetId="8" r:id="rId2"/>
    <sheet name="16-3人材要件" sheetId="7" r:id="rId3"/>
    <sheet name="16-4実務経験証明書" sheetId="6" r:id="rId4"/>
    <sheet name="16-6重度要介護者等対応要件" sheetId="12" r:id="rId5"/>
    <sheet name="別紙19-1-1資格者証の割合（前年実績6月以上）" sheetId="9" r:id="rId6"/>
    <sheet name="別紙19-1-2資格者証の割合（前年実績6月未満）" sheetId="10" r:id="rId7"/>
    <sheet name="別紙19-5-1勤続年数（前年実績6月以上）" sheetId="13" r:id="rId8"/>
    <sheet name="別紙19-5-2勤続年数（前年実績6月未満）" sheetId="14" r:id="rId9"/>
  </sheets>
  <definedNames>
    <definedName name="ｋ">#REF!</definedName>
    <definedName name="_xlnm.Print_Area" localSheetId="2">'16-3人材要件'!$A$1:$T$26</definedName>
    <definedName name="_xlnm.Print_Area" localSheetId="3">'16-4実務経験証明書'!$A$1:$X$31</definedName>
    <definedName name="_xlnm.Print_Area" localSheetId="4">'16-6重度要介護者等対応要件'!$A$1:$AI$55</definedName>
    <definedName name="_xlnm.Print_Area" localSheetId="7">'別紙19-5-1勤続年数（前年実績6月以上）'!$A$1:$P$57</definedName>
    <definedName name="_xlnm.Print_Area" localSheetId="8">'別紙19-5-2勤続年数（前年実績6月未満）'!$A$1:$P$55</definedName>
    <definedName name="サービス種別">#REF!</definedName>
    <definedName name="サービス種類">#REF!</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33" i="12" l="1"/>
  <c r="G39" i="14"/>
  <c r="F39" i="14"/>
  <c r="E39" i="14"/>
  <c r="G38" i="14"/>
  <c r="G40" i="14" s="1"/>
  <c r="F38" i="14"/>
  <c r="F40" i="14" s="1"/>
  <c r="E38" i="14"/>
  <c r="E40" i="14" s="1"/>
  <c r="H40" i="14" s="1"/>
  <c r="G11" i="14"/>
  <c r="F11" i="14"/>
  <c r="E11" i="14"/>
  <c r="H11" i="14" s="1"/>
  <c r="O39" i="13"/>
  <c r="O40" i="13" s="1"/>
  <c r="N39" i="13"/>
  <c r="N40" i="13" s="1"/>
  <c r="M39" i="13"/>
  <c r="M40" i="13" s="1"/>
  <c r="L39" i="13"/>
  <c r="L40" i="13" s="1"/>
  <c r="K39" i="13"/>
  <c r="K40" i="13" s="1"/>
  <c r="J39" i="13"/>
  <c r="J40" i="13" s="1"/>
  <c r="I39" i="13"/>
  <c r="I40" i="13" s="1"/>
  <c r="H39" i="13"/>
  <c r="H40" i="13" s="1"/>
  <c r="G39" i="13"/>
  <c r="G40" i="13" s="1"/>
  <c r="F39" i="13"/>
  <c r="F40" i="13" s="1"/>
  <c r="E39" i="13"/>
  <c r="E40" i="13" s="1"/>
  <c r="O38" i="13"/>
  <c r="N38" i="13"/>
  <c r="M38" i="13"/>
  <c r="L38" i="13"/>
  <c r="K38" i="13"/>
  <c r="J38" i="13"/>
  <c r="I38" i="13"/>
  <c r="H38" i="13"/>
  <c r="G38" i="13"/>
  <c r="F38" i="13"/>
  <c r="E38" i="13"/>
  <c r="O11" i="13"/>
  <c r="N11" i="13"/>
  <c r="M11" i="13"/>
  <c r="L11" i="13"/>
  <c r="K11" i="13"/>
  <c r="J11" i="13"/>
  <c r="I11" i="13"/>
  <c r="H11" i="13"/>
  <c r="G11" i="13"/>
  <c r="F11" i="13"/>
  <c r="E11" i="13"/>
  <c r="AA41" i="12"/>
  <c r="T41" i="12"/>
  <c r="M41" i="12"/>
  <c r="F43" i="12" s="1"/>
  <c r="F41" i="12"/>
  <c r="F46" i="12" s="1"/>
  <c r="AA28" i="12"/>
  <c r="F30" i="12" s="1"/>
  <c r="T28" i="12"/>
  <c r="M28" i="12"/>
  <c r="F28" i="12"/>
  <c r="P40" i="13" l="1"/>
  <c r="P11" i="13"/>
  <c r="F42" i="10"/>
  <c r="E42" i="10"/>
  <c r="D42" i="10"/>
  <c r="F41" i="10"/>
  <c r="F43" i="10" s="1"/>
  <c r="E41" i="10"/>
  <c r="E43" i="10" s="1"/>
  <c r="D41" i="10"/>
  <c r="D43" i="10" s="1"/>
  <c r="G43" i="10" s="1"/>
  <c r="F15" i="10"/>
  <c r="E15" i="10"/>
  <c r="D15" i="10"/>
  <c r="G15" i="10" s="1"/>
  <c r="N41" i="9"/>
  <c r="N42" i="9" s="1"/>
  <c r="M41" i="9"/>
  <c r="M42" i="9" s="1"/>
  <c r="L41" i="9"/>
  <c r="L42" i="9" s="1"/>
  <c r="K41" i="9"/>
  <c r="K42" i="9" s="1"/>
  <c r="J41" i="9"/>
  <c r="J42" i="9" s="1"/>
  <c r="I41" i="9"/>
  <c r="I42" i="9" s="1"/>
  <c r="H41" i="9"/>
  <c r="H42" i="9" s="1"/>
  <c r="G41" i="9"/>
  <c r="G42" i="9" s="1"/>
  <c r="F41" i="9"/>
  <c r="F42" i="9" s="1"/>
  <c r="E41" i="9"/>
  <c r="E42" i="9" s="1"/>
  <c r="D41" i="9"/>
  <c r="D42" i="9" s="1"/>
  <c r="N40" i="9"/>
  <c r="M40" i="9"/>
  <c r="L40" i="9"/>
  <c r="K40" i="9"/>
  <c r="J40" i="9"/>
  <c r="I40" i="9"/>
  <c r="H40" i="9"/>
  <c r="G40" i="9"/>
  <c r="F40" i="9"/>
  <c r="E40" i="9"/>
  <c r="D40" i="9"/>
  <c r="N14" i="9"/>
  <c r="M14" i="9"/>
  <c r="L14" i="9"/>
  <c r="K14" i="9"/>
  <c r="J14" i="9"/>
  <c r="I14" i="9"/>
  <c r="H14" i="9"/>
  <c r="G14" i="9"/>
  <c r="F14" i="9"/>
  <c r="E14" i="9"/>
  <c r="D14" i="9"/>
  <c r="O14" i="9" l="1"/>
  <c r="O42" i="9"/>
</calcChain>
</file>

<file path=xl/sharedStrings.xml><?xml version="1.0" encoding="utf-8"?>
<sst xmlns="http://schemas.openxmlformats.org/spreadsheetml/2006/main" count="628" uniqueCount="293">
  <si>
    <t>令和</t>
    <rPh sb="0" eb="2">
      <t>レイワ</t>
    </rPh>
    <phoneticPr fontId="3"/>
  </si>
  <si>
    <t>年</t>
    <rPh sb="0" eb="1">
      <t>ネン</t>
    </rPh>
    <phoneticPr fontId="3"/>
  </si>
  <si>
    <t>月</t>
    <rPh sb="0" eb="1">
      <t>ガツ</t>
    </rPh>
    <phoneticPr fontId="3"/>
  </si>
  <si>
    <t>日</t>
    <rPh sb="0" eb="1">
      <t>ニチ</t>
    </rPh>
    <phoneticPr fontId="3"/>
  </si>
  <si>
    <t>特定事業所加算（Ⅰ）～（Ⅳ）に係る届出書（訪問介護事業所）</t>
    <rPh sb="0" eb="2">
      <t>トクテイ</t>
    </rPh>
    <rPh sb="2" eb="5">
      <t>ジギョウショ</t>
    </rPh>
    <rPh sb="5" eb="7">
      <t>カサン</t>
    </rPh>
    <rPh sb="15" eb="16">
      <t>カカ</t>
    </rPh>
    <rPh sb="17" eb="20">
      <t>トドケデショ</t>
    </rPh>
    <rPh sb="21" eb="23">
      <t>ホウモン</t>
    </rPh>
    <rPh sb="23" eb="25">
      <t>カイゴ</t>
    </rPh>
    <rPh sb="25" eb="28">
      <t>ジギョウショ</t>
    </rPh>
    <phoneticPr fontId="3"/>
  </si>
  <si>
    <t>事 業 所 名</t>
    <rPh sb="0" eb="1">
      <t>コト</t>
    </rPh>
    <rPh sb="2" eb="3">
      <t>ギョウ</t>
    </rPh>
    <rPh sb="4" eb="5">
      <t>ショ</t>
    </rPh>
    <rPh sb="6" eb="7">
      <t>メイ</t>
    </rPh>
    <phoneticPr fontId="3"/>
  </si>
  <si>
    <t>異動等区分</t>
    <rPh sb="0" eb="2">
      <t>イドウ</t>
    </rPh>
    <rPh sb="2" eb="3">
      <t>トウ</t>
    </rPh>
    <rPh sb="3" eb="5">
      <t>クブン</t>
    </rPh>
    <phoneticPr fontId="3"/>
  </si>
  <si>
    <t>□</t>
  </si>
  <si>
    <t>1　新規</t>
    <phoneticPr fontId="3"/>
  </si>
  <si>
    <t>2　変更</t>
    <phoneticPr fontId="3"/>
  </si>
  <si>
    <t>3　終了</t>
    <phoneticPr fontId="3"/>
  </si>
  <si>
    <t>届 出 項 目</t>
    <phoneticPr fontId="3"/>
  </si>
  <si>
    <t>1　特定事業所加算(Ⅰ)</t>
    <phoneticPr fontId="3"/>
  </si>
  <si>
    <t>2　特定事業所加算(Ⅱ)</t>
    <phoneticPr fontId="3"/>
  </si>
  <si>
    <t>3　特定事業所加算(Ⅲ)</t>
    <phoneticPr fontId="3"/>
  </si>
  <si>
    <t>4　特定事業所加算(Ⅳ)</t>
    <phoneticPr fontId="3"/>
  </si>
  <si>
    <t>有</t>
    <rPh sb="0" eb="1">
      <t>ア</t>
    </rPh>
    <phoneticPr fontId="3"/>
  </si>
  <si>
    <t>・</t>
    <phoneticPr fontId="3"/>
  </si>
  <si>
    <t>無</t>
    <rPh sb="0" eb="1">
      <t>ナ</t>
    </rPh>
    <phoneticPr fontId="3"/>
  </si>
  <si>
    <t>(2)　訪問介護員等の技術指導を目的とした会議を定期的に開催している。</t>
    <rPh sb="4" eb="6">
      <t>ホウモン</t>
    </rPh>
    <rPh sb="6" eb="9">
      <t>カイゴイン</t>
    </rPh>
    <rPh sb="9" eb="10">
      <t>トウ</t>
    </rPh>
    <rPh sb="11" eb="13">
      <t>ギジュツ</t>
    </rPh>
    <rPh sb="13" eb="15">
      <t>シドウ</t>
    </rPh>
    <rPh sb="16" eb="18">
      <t>モクテキ</t>
    </rPh>
    <rPh sb="21" eb="23">
      <t>カイギ</t>
    </rPh>
    <rPh sb="24" eb="27">
      <t>テイキテキ</t>
    </rPh>
    <rPh sb="28" eb="30">
      <t>カイサイ</t>
    </rPh>
    <phoneticPr fontId="3"/>
  </si>
  <si>
    <t>(4)　訪問介護員等に対する健康診断の定期的な実施体制を整備している。</t>
    <rPh sb="4" eb="6">
      <t>ホウモン</t>
    </rPh>
    <rPh sb="6" eb="9">
      <t>カイゴイン</t>
    </rPh>
    <rPh sb="9" eb="10">
      <t>トウ</t>
    </rPh>
    <rPh sb="11" eb="12">
      <t>タイ</t>
    </rPh>
    <rPh sb="14" eb="16">
      <t>ケンコウ</t>
    </rPh>
    <rPh sb="16" eb="18">
      <t>シンダン</t>
    </rPh>
    <rPh sb="19" eb="22">
      <t>テイキテキ</t>
    </rPh>
    <rPh sb="23" eb="25">
      <t>ジッシ</t>
    </rPh>
    <rPh sb="25" eb="27">
      <t>タイセイ</t>
    </rPh>
    <rPh sb="28" eb="30">
      <t>セイビ</t>
    </rPh>
    <phoneticPr fontId="3"/>
  </si>
  <si>
    <t>(5)　緊急時等における対応方法を利用者に明示している。</t>
    <rPh sb="4" eb="7">
      <t>キンキュウジ</t>
    </rPh>
    <rPh sb="7" eb="8">
      <t>トウ</t>
    </rPh>
    <rPh sb="12" eb="14">
      <t>タイオウ</t>
    </rPh>
    <rPh sb="14" eb="16">
      <t>ホウホウ</t>
    </rPh>
    <rPh sb="17" eb="20">
      <t>リヨウシャ</t>
    </rPh>
    <rPh sb="21" eb="23">
      <t>メイジ</t>
    </rPh>
    <phoneticPr fontId="3"/>
  </si>
  <si>
    <t>(1)　訪問介護員等要件について</t>
    <rPh sb="4" eb="6">
      <t>ホウモン</t>
    </rPh>
    <rPh sb="6" eb="9">
      <t>カイゴイン</t>
    </rPh>
    <rPh sb="9" eb="10">
      <t>トウ</t>
    </rPh>
    <rPh sb="10" eb="12">
      <t>ヨウケン</t>
    </rPh>
    <phoneticPr fontId="3"/>
  </si>
  <si>
    <t>［</t>
    <phoneticPr fontId="3"/>
  </si>
  <si>
    <t>前年度</t>
    <rPh sb="0" eb="3">
      <t>ゼンネンド</t>
    </rPh>
    <phoneticPr fontId="3"/>
  </si>
  <si>
    <t>前三月</t>
    <rPh sb="0" eb="1">
      <t>ゼン</t>
    </rPh>
    <rPh sb="1" eb="3">
      <t>サンガツ</t>
    </rPh>
    <phoneticPr fontId="3"/>
  </si>
  <si>
    <t>］における一月当たりの実績の平均</t>
    <phoneticPr fontId="3"/>
  </si>
  <si>
    <t>（[　]はいずれかの□を■にする）</t>
    <phoneticPr fontId="3"/>
  </si>
  <si>
    <t>常勤換算
職員数</t>
    <rPh sb="0" eb="2">
      <t>ジョウキン</t>
    </rPh>
    <rPh sb="2" eb="4">
      <t>カンサン</t>
    </rPh>
    <rPh sb="5" eb="8">
      <t>ショクインスウ</t>
    </rPh>
    <phoneticPr fontId="3"/>
  </si>
  <si>
    <t>①</t>
    <phoneticPr fontId="3"/>
  </si>
  <si>
    <t>　訪問介護員等の総数（常勤換算）</t>
    <rPh sb="1" eb="3">
      <t>ホウモン</t>
    </rPh>
    <rPh sb="3" eb="6">
      <t>カイゴイン</t>
    </rPh>
    <rPh sb="6" eb="7">
      <t>トウ</t>
    </rPh>
    <rPh sb="8" eb="10">
      <t>ソウスウ</t>
    </rPh>
    <rPh sb="11" eb="13">
      <t>ジョウキン</t>
    </rPh>
    <rPh sb="13" eb="15">
      <t>カンザン</t>
    </rPh>
    <phoneticPr fontId="3"/>
  </si>
  <si>
    <t>人</t>
    <rPh sb="0" eb="1">
      <t>ニン</t>
    </rPh>
    <phoneticPr fontId="3"/>
  </si>
  <si>
    <t>②</t>
    <phoneticPr fontId="3"/>
  </si>
  <si>
    <t>　①のうち介護福祉士の総数
（常勤換算）</t>
    <rPh sb="5" eb="7">
      <t>カイゴ</t>
    </rPh>
    <rPh sb="7" eb="10">
      <t>フクシシ</t>
    </rPh>
    <rPh sb="11" eb="13">
      <t>ソウスウ</t>
    </rPh>
    <rPh sb="15" eb="17">
      <t>ジョウキン</t>
    </rPh>
    <rPh sb="17" eb="19">
      <t>カンザン</t>
    </rPh>
    <phoneticPr fontId="3"/>
  </si>
  <si>
    <t>→</t>
    <phoneticPr fontId="3"/>
  </si>
  <si>
    <t>①に占める②の
割合が３０％以上</t>
    <rPh sb="2" eb="3">
      <t>シ</t>
    </rPh>
    <rPh sb="9" eb="10">
      <t>ゴウ</t>
    </rPh>
    <rPh sb="14" eb="16">
      <t>イジョウ</t>
    </rPh>
    <phoneticPr fontId="3"/>
  </si>
  <si>
    <t>③</t>
    <phoneticPr fontId="3"/>
  </si>
  <si>
    <t>　①のうち介護福祉士、実務者研修
   修了者、介護職員基礎研修課程
   修了者及び1級課程修了者の総数
（常勤換算）</t>
    <rPh sb="5" eb="7">
      <t>カイゴ</t>
    </rPh>
    <rPh sb="7" eb="10">
      <t>フクシシ</t>
    </rPh>
    <rPh sb="11" eb="14">
      <t>ジツムシャ</t>
    </rPh>
    <rPh sb="14" eb="16">
      <t>ケンシュウ</t>
    </rPh>
    <rPh sb="20" eb="22">
      <t>シュウリョウ</t>
    </rPh>
    <rPh sb="22" eb="23">
      <t>シャ</t>
    </rPh>
    <rPh sb="24" eb="26">
      <t>カイゴ</t>
    </rPh>
    <rPh sb="26" eb="28">
      <t>ショクイン</t>
    </rPh>
    <rPh sb="28" eb="30">
      <t>キソ</t>
    </rPh>
    <rPh sb="30" eb="32">
      <t>ケンシュウ</t>
    </rPh>
    <rPh sb="32" eb="34">
      <t>カテイ</t>
    </rPh>
    <rPh sb="38" eb="41">
      <t>シュウリョウシャ</t>
    </rPh>
    <rPh sb="41" eb="42">
      <t>オヨ</t>
    </rPh>
    <rPh sb="44" eb="45">
      <t>キュウ</t>
    </rPh>
    <rPh sb="45" eb="47">
      <t>カテイ</t>
    </rPh>
    <rPh sb="47" eb="50">
      <t>シュウリョウシャ</t>
    </rPh>
    <rPh sb="51" eb="53">
      <t>ソウスウ</t>
    </rPh>
    <rPh sb="55" eb="57">
      <t>ジョウキン</t>
    </rPh>
    <rPh sb="57" eb="59">
      <t>カンサン</t>
    </rPh>
    <phoneticPr fontId="3"/>
  </si>
  <si>
    <t>①に占める③の
割合が５０％以上</t>
    <rPh sb="2" eb="3">
      <t>シ</t>
    </rPh>
    <rPh sb="9" eb="10">
      <t>ゴウ</t>
    </rPh>
    <rPh sb="14" eb="16">
      <t>イジョウ</t>
    </rPh>
    <phoneticPr fontId="3"/>
  </si>
  <si>
    <t>(2)　サービス提供責任者要件について</t>
    <rPh sb="8" eb="10">
      <t>テイキョウ</t>
    </rPh>
    <rPh sb="10" eb="13">
      <t>セキニンシャ</t>
    </rPh>
    <rPh sb="13" eb="15">
      <t>ヨウケン</t>
    </rPh>
    <phoneticPr fontId="3"/>
  </si>
  <si>
    <t>職員数</t>
    <rPh sb="0" eb="3">
      <t>ショクインスウ</t>
    </rPh>
    <phoneticPr fontId="3"/>
  </si>
  <si>
    <t>常勤換算職員数</t>
    <rPh sb="0" eb="2">
      <t>ジョウキン</t>
    </rPh>
    <rPh sb="2" eb="4">
      <t>カンサン</t>
    </rPh>
    <rPh sb="4" eb="7">
      <t>ショクインスウ</t>
    </rPh>
    <phoneticPr fontId="3"/>
  </si>
  <si>
    <t>サービス提供責任者</t>
    <rPh sb="4" eb="6">
      <t>テイキョウ</t>
    </rPh>
    <rPh sb="6" eb="9">
      <t>セキニンシャ</t>
    </rPh>
    <phoneticPr fontId="3"/>
  </si>
  <si>
    <t>常勤</t>
    <rPh sb="0" eb="2">
      <t>ジョウキン</t>
    </rPh>
    <phoneticPr fontId="3"/>
  </si>
  <si>
    <t>非常勤</t>
    <rPh sb="0" eb="3">
      <t>ヒジョウキン</t>
    </rPh>
    <phoneticPr fontId="3"/>
  </si>
  <si>
    <t>↓</t>
    <phoneticPr fontId="3"/>
  </si>
  <si>
    <t>］における（[　]はいずれかの□を■にする）</t>
    <phoneticPr fontId="3"/>
  </si>
  <si>
    <t>備考２　平成25年４月以降は、「介護職員基礎研修課程修了者」とあるのは「旧介護職員基礎</t>
    <rPh sb="0" eb="2">
      <t>ビコウ</t>
    </rPh>
    <rPh sb="4" eb="6">
      <t>ヘイセイ</t>
    </rPh>
    <rPh sb="8" eb="9">
      <t>ネン</t>
    </rPh>
    <rPh sb="10" eb="11">
      <t>ゲツ</t>
    </rPh>
    <rPh sb="11" eb="13">
      <t>イコウ</t>
    </rPh>
    <rPh sb="16" eb="18">
      <t>カイゴ</t>
    </rPh>
    <rPh sb="18" eb="20">
      <t>ショクイン</t>
    </rPh>
    <rPh sb="20" eb="22">
      <t>キソ</t>
    </rPh>
    <rPh sb="22" eb="24">
      <t>ケンシュウ</t>
    </rPh>
    <rPh sb="24" eb="26">
      <t>カテイ</t>
    </rPh>
    <rPh sb="26" eb="29">
      <t>シュウリョウシャ</t>
    </rPh>
    <rPh sb="36" eb="37">
      <t>キュウ</t>
    </rPh>
    <rPh sb="37" eb="39">
      <t>カイゴ</t>
    </rPh>
    <rPh sb="39" eb="41">
      <t>ショクイン</t>
    </rPh>
    <rPh sb="41" eb="43">
      <t>キソ</t>
    </rPh>
    <phoneticPr fontId="3"/>
  </si>
  <si>
    <t>　研修課程修了者」と、「１級課程修了者」とあるのは「旧１級課程修了者」と読み替える。　</t>
    <rPh sb="1" eb="3">
      <t>ケンシュウ</t>
    </rPh>
    <rPh sb="13" eb="14">
      <t>キュウ</t>
    </rPh>
    <rPh sb="14" eb="16">
      <t>カテイ</t>
    </rPh>
    <rPh sb="16" eb="19">
      <t>シュウリョウシャ</t>
    </rPh>
    <rPh sb="26" eb="27">
      <t>キュウ</t>
    </rPh>
    <rPh sb="28" eb="29">
      <t>キュウ</t>
    </rPh>
    <rPh sb="29" eb="31">
      <t>カテイ</t>
    </rPh>
    <rPh sb="31" eb="33">
      <t>シュウリョウ</t>
    </rPh>
    <rPh sb="33" eb="34">
      <t>シャ</t>
    </rPh>
    <rPh sb="36" eb="37">
      <t>ヨ</t>
    </rPh>
    <rPh sb="38" eb="39">
      <t>カ</t>
    </rPh>
    <phoneticPr fontId="3"/>
  </si>
  <si>
    <t>備考３　「たんの吸引等が必要な者」は、社会福祉士及び介護福祉士法の規定に基づき、</t>
    <rPh sb="0" eb="2">
      <t>ビコウ</t>
    </rPh>
    <rPh sb="8" eb="10">
      <t>キュウイン</t>
    </rPh>
    <rPh sb="10" eb="11">
      <t>トウ</t>
    </rPh>
    <rPh sb="12" eb="14">
      <t>ヒツヨウ</t>
    </rPh>
    <rPh sb="15" eb="16">
      <t>モノ</t>
    </rPh>
    <rPh sb="19" eb="21">
      <t>シャカイ</t>
    </rPh>
    <rPh sb="21" eb="23">
      <t>フクシ</t>
    </rPh>
    <rPh sb="23" eb="24">
      <t>シ</t>
    </rPh>
    <rPh sb="24" eb="25">
      <t>オヨ</t>
    </rPh>
    <rPh sb="26" eb="28">
      <t>カイゴ</t>
    </rPh>
    <rPh sb="28" eb="31">
      <t>フクシシ</t>
    </rPh>
    <rPh sb="31" eb="32">
      <t>ホウ</t>
    </rPh>
    <rPh sb="33" eb="35">
      <t>キテイ</t>
    </rPh>
    <rPh sb="36" eb="37">
      <t>モト</t>
    </rPh>
    <phoneticPr fontId="3"/>
  </si>
  <si>
    <t>　たんの吸引等の業務を行うための登録を受けている事業所に限り該当するものである。</t>
    <rPh sb="8" eb="10">
      <t>ギョウム</t>
    </rPh>
    <rPh sb="11" eb="12">
      <t>オコナ</t>
    </rPh>
    <rPh sb="16" eb="18">
      <t>トウロク</t>
    </rPh>
    <rPh sb="19" eb="20">
      <t>ウ</t>
    </rPh>
    <rPh sb="24" eb="27">
      <t>ジギョウショ</t>
    </rPh>
    <rPh sb="28" eb="29">
      <t>カギ</t>
    </rPh>
    <rPh sb="30" eb="32">
      <t>ガイトウ</t>
    </rPh>
    <phoneticPr fontId="3"/>
  </si>
  <si>
    <t>備考４　「異動区分」及び「届出項目」欄の該当する番号の横の□を■にしてください。なお、</t>
    <phoneticPr fontId="3"/>
  </si>
  <si>
    <t>　更新申請時に従前と変更のない場合は記入不要です。</t>
    <phoneticPr fontId="3"/>
  </si>
  <si>
    <t>（別紙１６－１）</t>
    <phoneticPr fontId="3"/>
  </si>
  <si>
    <t>（別紙１６－２）</t>
    <rPh sb="1" eb="3">
      <t>ベッシ</t>
    </rPh>
    <phoneticPr fontId="3"/>
  </si>
  <si>
    <t>　　特定事業所加算に係る確認書（１）</t>
    <rPh sb="2" eb="4">
      <t>トクテイ</t>
    </rPh>
    <rPh sb="4" eb="7">
      <t>ジギョウショ</t>
    </rPh>
    <rPh sb="7" eb="9">
      <t>カサン</t>
    </rPh>
    <rPh sb="10" eb="11">
      <t>カカ</t>
    </rPh>
    <rPh sb="12" eb="14">
      <t>カクニン</t>
    </rPh>
    <rPh sb="14" eb="15">
      <t>ショ</t>
    </rPh>
    <phoneticPr fontId="3"/>
  </si>
  <si>
    <t>〔体制要件〕</t>
    <rPh sb="1" eb="3">
      <t>タイセイ</t>
    </rPh>
    <rPh sb="3" eb="5">
      <t>ヨウケン</t>
    </rPh>
    <phoneticPr fontId="3"/>
  </si>
  <si>
    <t>①　研修の実施状況</t>
    <rPh sb="2" eb="4">
      <t>ケンシュウ</t>
    </rPh>
    <rPh sb="5" eb="7">
      <t>ジッシ</t>
    </rPh>
    <rPh sb="7" eb="9">
      <t>ジョウキョウ</t>
    </rPh>
    <phoneticPr fontId="3"/>
  </si>
  <si>
    <t>開催頻度</t>
    <rPh sb="0" eb="2">
      <t>カイサイ</t>
    </rPh>
    <rPh sb="2" eb="4">
      <t>ヒンド</t>
    </rPh>
    <phoneticPr fontId="3"/>
  </si>
  <si>
    <t>直近２回の状況</t>
    <rPh sb="0" eb="2">
      <t>チョッキン</t>
    </rPh>
    <rPh sb="3" eb="4">
      <t>カイ</t>
    </rPh>
    <rPh sb="5" eb="7">
      <t>ジョウキョウ</t>
    </rPh>
    <phoneticPr fontId="3"/>
  </si>
  <si>
    <t>/</t>
    <phoneticPr fontId="3"/>
  </si>
  <si>
    <t>グループ別
全   体</t>
    <rPh sb="4" eb="5">
      <t>ベツ</t>
    </rPh>
    <rPh sb="7" eb="8">
      <t>ゼン</t>
    </rPh>
    <rPh sb="11" eb="12">
      <t>カラダ</t>
    </rPh>
    <phoneticPr fontId="3"/>
  </si>
  <si>
    <t>内容</t>
    <rPh sb="0" eb="2">
      <t>ナイヨウ</t>
    </rPh>
    <phoneticPr fontId="3"/>
  </si>
  <si>
    <t>※　留意事項通知・・・「利用者に関する情報若しくはサービス提供に当たっての留意事項の伝達又は当該指定訪問介護事業所における訪問介護員等における訪問介護員等の技術指導を目的とした会議」とは、サービス提供責任者が主宰し、登録ヘルパーも含めて、当該事業所においてサービス提供に当たる訪問介護員等のすべてが参加するものでなければならない。なお、実施に当たっては、全員が一堂に会して開催する必要はなく、サービス提供責任者ごとにいくつかのグループ別に分かれて開催することで差し支えない。会議の開催状況については、その概要を記録しなければならない。なお、「定期的」とは、概ね一月に一回以上開催されている必要がある。</t>
    <rPh sb="2" eb="4">
      <t>リュウイ</t>
    </rPh>
    <rPh sb="4" eb="6">
      <t>ジコウ</t>
    </rPh>
    <rPh sb="6" eb="8">
      <t>ツウチ</t>
    </rPh>
    <rPh sb="12" eb="15">
      <t>リヨウシャ</t>
    </rPh>
    <rPh sb="16" eb="17">
      <t>カン</t>
    </rPh>
    <rPh sb="19" eb="21">
      <t>ジョウホウ</t>
    </rPh>
    <rPh sb="21" eb="22">
      <t>モ</t>
    </rPh>
    <rPh sb="29" eb="31">
      <t>テイキョウ</t>
    </rPh>
    <rPh sb="32" eb="33">
      <t>ア</t>
    </rPh>
    <rPh sb="37" eb="39">
      <t>リュウイ</t>
    </rPh>
    <rPh sb="39" eb="41">
      <t>ジコウ</t>
    </rPh>
    <rPh sb="42" eb="44">
      <t>デンタツ</t>
    </rPh>
    <rPh sb="44" eb="45">
      <t>マタ</t>
    </rPh>
    <rPh sb="46" eb="48">
      <t>トウガイ</t>
    </rPh>
    <rPh sb="48" eb="50">
      <t>シテイ</t>
    </rPh>
    <rPh sb="50" eb="52">
      <t>ホウモン</t>
    </rPh>
    <rPh sb="52" eb="54">
      <t>カイゴ</t>
    </rPh>
    <rPh sb="54" eb="57">
      <t>ジギョウショ</t>
    </rPh>
    <rPh sb="61" eb="63">
      <t>ホウモン</t>
    </rPh>
    <rPh sb="63" eb="65">
      <t>カイゴ</t>
    </rPh>
    <rPh sb="65" eb="66">
      <t>イン</t>
    </rPh>
    <rPh sb="66" eb="67">
      <t>トウ</t>
    </rPh>
    <rPh sb="71" eb="73">
      <t>ホウモン</t>
    </rPh>
    <rPh sb="73" eb="75">
      <t>カイゴ</t>
    </rPh>
    <rPh sb="75" eb="76">
      <t>イン</t>
    </rPh>
    <rPh sb="76" eb="77">
      <t>トウ</t>
    </rPh>
    <rPh sb="78" eb="80">
      <t>ギジュツ</t>
    </rPh>
    <rPh sb="80" eb="82">
      <t>シドウ</t>
    </rPh>
    <rPh sb="83" eb="85">
      <t>モクテキ</t>
    </rPh>
    <rPh sb="88" eb="90">
      <t>カイギ</t>
    </rPh>
    <rPh sb="98" eb="100">
      <t>テイキョウ</t>
    </rPh>
    <rPh sb="100" eb="103">
      <t>セキニンシャ</t>
    </rPh>
    <rPh sb="104" eb="106">
      <t>シュサイ</t>
    </rPh>
    <rPh sb="108" eb="110">
      <t>トウロク</t>
    </rPh>
    <rPh sb="115" eb="116">
      <t>フク</t>
    </rPh>
    <rPh sb="119" eb="121">
      <t>トウガイ</t>
    </rPh>
    <rPh sb="121" eb="124">
      <t>ジギョウショ</t>
    </rPh>
    <rPh sb="132" eb="134">
      <t>テイキョウ</t>
    </rPh>
    <rPh sb="135" eb="136">
      <t>ア</t>
    </rPh>
    <rPh sb="138" eb="140">
      <t>ホウモン</t>
    </rPh>
    <rPh sb="140" eb="142">
      <t>カイゴ</t>
    </rPh>
    <rPh sb="142" eb="143">
      <t>イン</t>
    </rPh>
    <rPh sb="143" eb="144">
      <t>トウ</t>
    </rPh>
    <rPh sb="149" eb="151">
      <t>サンカ</t>
    </rPh>
    <rPh sb="168" eb="170">
      <t>ジッシ</t>
    </rPh>
    <rPh sb="171" eb="172">
      <t>ア</t>
    </rPh>
    <rPh sb="177" eb="179">
      <t>ゼンイン</t>
    </rPh>
    <rPh sb="180" eb="182">
      <t>イチドウ</t>
    </rPh>
    <rPh sb="183" eb="184">
      <t>カイ</t>
    </rPh>
    <rPh sb="186" eb="188">
      <t>カイサイ</t>
    </rPh>
    <rPh sb="190" eb="192">
      <t>ヒツヨウ</t>
    </rPh>
    <rPh sb="200" eb="202">
      <t>テイキョウ</t>
    </rPh>
    <rPh sb="202" eb="205">
      <t>セキニンシャ</t>
    </rPh>
    <rPh sb="217" eb="218">
      <t>ベツ</t>
    </rPh>
    <rPh sb="219" eb="220">
      <t>ワ</t>
    </rPh>
    <rPh sb="223" eb="225">
      <t>カイサイ</t>
    </rPh>
    <rPh sb="230" eb="231">
      <t>サ</t>
    </rPh>
    <rPh sb="232" eb="233">
      <t>ツカ</t>
    </rPh>
    <rPh sb="237" eb="239">
      <t>カイギ</t>
    </rPh>
    <rPh sb="240" eb="242">
      <t>カイサイ</t>
    </rPh>
    <rPh sb="242" eb="244">
      <t>ジョウキョウ</t>
    </rPh>
    <rPh sb="252" eb="254">
      <t>ガイヨウ</t>
    </rPh>
    <rPh sb="255" eb="257">
      <t>キロク</t>
    </rPh>
    <rPh sb="271" eb="274">
      <t>テイキテキ</t>
    </rPh>
    <rPh sb="278" eb="279">
      <t>オオム</t>
    </rPh>
    <rPh sb="280" eb="281">
      <t>イチ</t>
    </rPh>
    <rPh sb="281" eb="282">
      <t>ツキ</t>
    </rPh>
    <rPh sb="283" eb="284">
      <t>イチ</t>
    </rPh>
    <rPh sb="284" eb="285">
      <t>カイ</t>
    </rPh>
    <rPh sb="285" eb="287">
      <t>イジョウ</t>
    </rPh>
    <rPh sb="287" eb="289">
      <t>カイサイ</t>
    </rPh>
    <rPh sb="294" eb="296">
      <t>ヒツヨウ</t>
    </rPh>
    <phoneticPr fontId="3"/>
  </si>
  <si>
    <t>③　サービス提供責任者と訪問介護員等との間の情報伝達及び報告体制の概要</t>
    <rPh sb="6" eb="8">
      <t>テイキョウ</t>
    </rPh>
    <rPh sb="8" eb="11">
      <t>セキニンシャ</t>
    </rPh>
    <rPh sb="12" eb="14">
      <t>ホウモン</t>
    </rPh>
    <rPh sb="14" eb="16">
      <t>カイゴ</t>
    </rPh>
    <rPh sb="16" eb="17">
      <t>イン</t>
    </rPh>
    <rPh sb="17" eb="18">
      <t>トウ</t>
    </rPh>
    <rPh sb="20" eb="21">
      <t>アイダ</t>
    </rPh>
    <rPh sb="22" eb="24">
      <t>ジョウホウ</t>
    </rPh>
    <rPh sb="24" eb="26">
      <t>デンタツ</t>
    </rPh>
    <rPh sb="26" eb="27">
      <t>オヨ</t>
    </rPh>
    <rPh sb="28" eb="30">
      <t>ホウコク</t>
    </rPh>
    <rPh sb="30" eb="32">
      <t>タイセイ</t>
    </rPh>
    <rPh sb="33" eb="35">
      <t>ガイヨウ</t>
    </rPh>
    <phoneticPr fontId="3"/>
  </si>
  <si>
    <t>※サービス提供責任者から訪問介護員等への伝達については、担当訪問介護員が初めて当該利用者にサービス提供する場合と二回目以降の場合とに分け伝達の手段について具体的に記載するとともに、伝達のための文書について様式を定めている場合は、これを添付すること。</t>
    <rPh sb="5" eb="7">
      <t>テイキョウ</t>
    </rPh>
    <rPh sb="7" eb="10">
      <t>セキニンシャ</t>
    </rPh>
    <rPh sb="12" eb="14">
      <t>ホウモン</t>
    </rPh>
    <rPh sb="14" eb="17">
      <t>カイゴイン</t>
    </rPh>
    <rPh sb="17" eb="18">
      <t>トウ</t>
    </rPh>
    <rPh sb="20" eb="22">
      <t>デンタツ</t>
    </rPh>
    <rPh sb="28" eb="30">
      <t>タントウ</t>
    </rPh>
    <rPh sb="30" eb="32">
      <t>ホウモン</t>
    </rPh>
    <rPh sb="32" eb="35">
      <t>カイゴイン</t>
    </rPh>
    <rPh sb="36" eb="37">
      <t>ハジ</t>
    </rPh>
    <rPh sb="39" eb="41">
      <t>トウガイ</t>
    </rPh>
    <rPh sb="41" eb="44">
      <t>リヨウシャ</t>
    </rPh>
    <rPh sb="49" eb="51">
      <t>テイキョウ</t>
    </rPh>
    <rPh sb="53" eb="55">
      <t>バアイ</t>
    </rPh>
    <rPh sb="56" eb="57">
      <t>ニ</t>
    </rPh>
    <rPh sb="57" eb="59">
      <t>カイメ</t>
    </rPh>
    <rPh sb="59" eb="61">
      <t>イコウ</t>
    </rPh>
    <rPh sb="62" eb="64">
      <t>バアイ</t>
    </rPh>
    <rPh sb="66" eb="67">
      <t>ワ</t>
    </rPh>
    <rPh sb="68" eb="70">
      <t>デンタツ</t>
    </rPh>
    <rPh sb="71" eb="73">
      <t>シュダン</t>
    </rPh>
    <rPh sb="77" eb="80">
      <t>グタイテキ</t>
    </rPh>
    <rPh sb="81" eb="83">
      <t>キサイ</t>
    </rPh>
    <rPh sb="90" eb="92">
      <t>デンタツ</t>
    </rPh>
    <rPh sb="96" eb="98">
      <t>ブンショ</t>
    </rPh>
    <rPh sb="102" eb="104">
      <t>ヨウシキ</t>
    </rPh>
    <rPh sb="105" eb="106">
      <t>サダ</t>
    </rPh>
    <rPh sb="110" eb="112">
      <t>バアイ</t>
    </rPh>
    <rPh sb="117" eb="119">
      <t>テンプ</t>
    </rPh>
    <phoneticPr fontId="3"/>
  </si>
  <si>
    <t>④　訪問介護員等に対する健康診断実施体制</t>
    <rPh sb="2" eb="4">
      <t>ホウモン</t>
    </rPh>
    <rPh sb="4" eb="6">
      <t>カイゴ</t>
    </rPh>
    <rPh sb="6" eb="7">
      <t>イン</t>
    </rPh>
    <rPh sb="7" eb="8">
      <t>トウ</t>
    </rPh>
    <rPh sb="9" eb="10">
      <t>タイ</t>
    </rPh>
    <rPh sb="12" eb="14">
      <t>ケンコウ</t>
    </rPh>
    <rPh sb="14" eb="16">
      <t>シンダン</t>
    </rPh>
    <rPh sb="16" eb="18">
      <t>ジッシ</t>
    </rPh>
    <rPh sb="18" eb="20">
      <t>タイセイ</t>
    </rPh>
    <phoneticPr fontId="3"/>
  </si>
  <si>
    <t>実施頻度</t>
    <rPh sb="0" eb="2">
      <t>ジッシ</t>
    </rPh>
    <rPh sb="2" eb="4">
      <t>ヒンド</t>
    </rPh>
    <phoneticPr fontId="3"/>
  </si>
  <si>
    <t>※　留意事項通知・・・健康診断等については、労働安全衛生法により定期に実施することが義務づけられた「常時使用する労働者」に該当しない訪問介護員等も含めて、少なくとも一年ごとに一回、事業主の費用負担により実施しなければならない。新たに加算を算定しようとする場合にあっては、少なくとも一年以内に当該健康診断等が実施されることが計画されていることをもって足りるものとする。</t>
    <rPh sb="2" eb="4">
      <t>リュウイ</t>
    </rPh>
    <rPh sb="4" eb="6">
      <t>ジコウ</t>
    </rPh>
    <rPh sb="6" eb="8">
      <t>ツウチ</t>
    </rPh>
    <rPh sb="11" eb="13">
      <t>ケンコウ</t>
    </rPh>
    <rPh sb="13" eb="15">
      <t>シンダン</t>
    </rPh>
    <rPh sb="15" eb="16">
      <t>トウ</t>
    </rPh>
    <rPh sb="22" eb="24">
      <t>ロウドウ</t>
    </rPh>
    <rPh sb="24" eb="26">
      <t>アンゼン</t>
    </rPh>
    <rPh sb="26" eb="28">
      <t>エイセイ</t>
    </rPh>
    <rPh sb="28" eb="29">
      <t>ホウ</t>
    </rPh>
    <rPh sb="32" eb="34">
      <t>テイキ</t>
    </rPh>
    <rPh sb="35" eb="37">
      <t>ジッシ</t>
    </rPh>
    <rPh sb="42" eb="44">
      <t>ギム</t>
    </rPh>
    <rPh sb="50" eb="52">
      <t>ジョウジ</t>
    </rPh>
    <rPh sb="52" eb="54">
      <t>シヨウ</t>
    </rPh>
    <rPh sb="56" eb="59">
      <t>ロウドウシャ</t>
    </rPh>
    <rPh sb="61" eb="63">
      <t>ガイトウ</t>
    </rPh>
    <rPh sb="66" eb="68">
      <t>ホウモン</t>
    </rPh>
    <rPh sb="68" eb="70">
      <t>カイゴ</t>
    </rPh>
    <rPh sb="70" eb="71">
      <t>イン</t>
    </rPh>
    <rPh sb="71" eb="72">
      <t>トウ</t>
    </rPh>
    <rPh sb="73" eb="74">
      <t>フク</t>
    </rPh>
    <rPh sb="77" eb="78">
      <t>スク</t>
    </rPh>
    <rPh sb="82" eb="83">
      <t>イチ</t>
    </rPh>
    <rPh sb="83" eb="84">
      <t>ネン</t>
    </rPh>
    <rPh sb="87" eb="88">
      <t>イチ</t>
    </rPh>
    <rPh sb="88" eb="89">
      <t>カイ</t>
    </rPh>
    <rPh sb="90" eb="93">
      <t>ジギョウヌシ</t>
    </rPh>
    <rPh sb="94" eb="96">
      <t>ヒヨウ</t>
    </rPh>
    <rPh sb="96" eb="98">
      <t>フタン</t>
    </rPh>
    <rPh sb="101" eb="103">
      <t>ジッシ</t>
    </rPh>
    <rPh sb="113" eb="114">
      <t>アラ</t>
    </rPh>
    <rPh sb="116" eb="118">
      <t>カサン</t>
    </rPh>
    <rPh sb="119" eb="121">
      <t>サンテイ</t>
    </rPh>
    <rPh sb="127" eb="129">
      <t>バアイ</t>
    </rPh>
    <rPh sb="135" eb="136">
      <t>スク</t>
    </rPh>
    <rPh sb="140" eb="141">
      <t>イチ</t>
    </rPh>
    <rPh sb="141" eb="142">
      <t>ネン</t>
    </rPh>
    <rPh sb="142" eb="144">
      <t>イナイ</t>
    </rPh>
    <rPh sb="145" eb="147">
      <t>トウガイ</t>
    </rPh>
    <rPh sb="147" eb="149">
      <t>ケンコウ</t>
    </rPh>
    <rPh sb="149" eb="151">
      <t>シンダン</t>
    </rPh>
    <rPh sb="151" eb="152">
      <t>トウ</t>
    </rPh>
    <rPh sb="153" eb="155">
      <t>ジッシ</t>
    </rPh>
    <rPh sb="161" eb="163">
      <t>ケイカク</t>
    </rPh>
    <rPh sb="174" eb="175">
      <t>タ</t>
    </rPh>
    <phoneticPr fontId="3"/>
  </si>
  <si>
    <t>⑤　緊急時における対応方法の明示</t>
    <rPh sb="2" eb="5">
      <t>キンキュウジ</t>
    </rPh>
    <rPh sb="9" eb="11">
      <t>タイオウ</t>
    </rPh>
    <rPh sb="11" eb="13">
      <t>ホウホウ</t>
    </rPh>
    <rPh sb="14" eb="16">
      <t>メイジ</t>
    </rPh>
    <phoneticPr fontId="3"/>
  </si>
  <si>
    <t>　　明示の内容がわかるもの（重要事項説明書等（関係するページのみで可））を添付すること。</t>
    <rPh sb="2" eb="4">
      <t>メイジ</t>
    </rPh>
    <rPh sb="5" eb="7">
      <t>ナイヨウ</t>
    </rPh>
    <rPh sb="14" eb="16">
      <t>ジュウヨウ</t>
    </rPh>
    <rPh sb="16" eb="18">
      <t>ジコウ</t>
    </rPh>
    <rPh sb="18" eb="21">
      <t>セツメイショ</t>
    </rPh>
    <rPh sb="21" eb="22">
      <t>トウ</t>
    </rPh>
    <rPh sb="23" eb="25">
      <t>カンケイ</t>
    </rPh>
    <rPh sb="33" eb="34">
      <t>カ</t>
    </rPh>
    <rPh sb="37" eb="39">
      <t>テンプ</t>
    </rPh>
    <phoneticPr fontId="3"/>
  </si>
  <si>
    <t>※　留意事項通知・・・「明示」については、当該事業所における緊急時等の対応方針、緊急時の連絡先及び対応可能時間等を記載した文書を利用者に交付し、説明を行うものとする。なお、交付すべき文書については、重要事項説明書等に当該内容を明記することをもって足りるものとする。</t>
    <rPh sb="2" eb="4">
      <t>リュウイ</t>
    </rPh>
    <rPh sb="4" eb="6">
      <t>ジコウ</t>
    </rPh>
    <rPh sb="6" eb="8">
      <t>ツウチ</t>
    </rPh>
    <rPh sb="12" eb="14">
      <t>メイジ</t>
    </rPh>
    <rPh sb="21" eb="23">
      <t>トウガイ</t>
    </rPh>
    <rPh sb="23" eb="26">
      <t>ジギョウショ</t>
    </rPh>
    <rPh sb="30" eb="33">
      <t>キンキュウジ</t>
    </rPh>
    <rPh sb="33" eb="34">
      <t>トウ</t>
    </rPh>
    <rPh sb="35" eb="37">
      <t>タイオウ</t>
    </rPh>
    <rPh sb="37" eb="39">
      <t>ホウシン</t>
    </rPh>
    <rPh sb="40" eb="43">
      <t>キンキュウジ</t>
    </rPh>
    <rPh sb="44" eb="47">
      <t>レンラクサキ</t>
    </rPh>
    <rPh sb="47" eb="48">
      <t>オヨ</t>
    </rPh>
    <rPh sb="49" eb="51">
      <t>タイオウ</t>
    </rPh>
    <rPh sb="51" eb="53">
      <t>カノウ</t>
    </rPh>
    <rPh sb="53" eb="55">
      <t>ジカン</t>
    </rPh>
    <rPh sb="55" eb="56">
      <t>トウ</t>
    </rPh>
    <rPh sb="57" eb="59">
      <t>キサイ</t>
    </rPh>
    <rPh sb="61" eb="63">
      <t>ブンショ</t>
    </rPh>
    <rPh sb="64" eb="67">
      <t>リヨウシャ</t>
    </rPh>
    <rPh sb="68" eb="70">
      <t>コウフ</t>
    </rPh>
    <rPh sb="72" eb="74">
      <t>セツメイ</t>
    </rPh>
    <rPh sb="75" eb="76">
      <t>オコナ</t>
    </rPh>
    <rPh sb="86" eb="88">
      <t>コウフ</t>
    </rPh>
    <rPh sb="91" eb="93">
      <t>ブンショ</t>
    </rPh>
    <rPh sb="99" eb="101">
      <t>ジュウヨウ</t>
    </rPh>
    <rPh sb="101" eb="103">
      <t>ジコウ</t>
    </rPh>
    <rPh sb="103" eb="106">
      <t>セツメイショ</t>
    </rPh>
    <rPh sb="106" eb="107">
      <t>トウ</t>
    </rPh>
    <rPh sb="108" eb="110">
      <t>トウガイ</t>
    </rPh>
    <rPh sb="110" eb="112">
      <t>ナイヨウ</t>
    </rPh>
    <rPh sb="113" eb="115">
      <t>メイキ</t>
    </rPh>
    <rPh sb="123" eb="124">
      <t>タ</t>
    </rPh>
    <phoneticPr fontId="3"/>
  </si>
  <si>
    <t>（別紙１６－３）</t>
    <rPh sb="1" eb="3">
      <t>ベッシ</t>
    </rPh>
    <phoneticPr fontId="3"/>
  </si>
  <si>
    <t xml:space="preserve">                             特定事業所加算に係る確認書（２）</t>
    <rPh sb="29" eb="31">
      <t>トクテイ</t>
    </rPh>
    <rPh sb="31" eb="34">
      <t>ジギョウショ</t>
    </rPh>
    <rPh sb="34" eb="36">
      <t>カサン</t>
    </rPh>
    <rPh sb="37" eb="38">
      <t>カカ</t>
    </rPh>
    <rPh sb="39" eb="41">
      <t>カクニン</t>
    </rPh>
    <rPh sb="41" eb="42">
      <t>ショ</t>
    </rPh>
    <phoneticPr fontId="3"/>
  </si>
  <si>
    <t>〔人材要件〕</t>
    <rPh sb="1" eb="3">
      <t>ジンザイ</t>
    </rPh>
    <rPh sb="3" eb="5">
      <t>ヨウケン</t>
    </rPh>
    <phoneticPr fontId="3"/>
  </si>
  <si>
    <t>計</t>
    <rPh sb="0" eb="1">
      <t>ケイ</t>
    </rPh>
    <phoneticPr fontId="3"/>
  </si>
  <si>
    <t>％</t>
    <phoneticPr fontId="3"/>
  </si>
  <si>
    <t>※割合の計算方法について</t>
    <rPh sb="1" eb="3">
      <t>ワリアイ</t>
    </rPh>
    <rPh sb="4" eb="6">
      <t>ケイサン</t>
    </rPh>
    <rPh sb="6" eb="8">
      <t>ホウホウ</t>
    </rPh>
    <phoneticPr fontId="3"/>
  </si>
  <si>
    <t>（別紙１６－４）</t>
    <rPh sb="1" eb="3">
      <t>ベッシ</t>
    </rPh>
    <phoneticPr fontId="3"/>
  </si>
  <si>
    <t>　　　実務経験証明書</t>
    <rPh sb="3" eb="5">
      <t>ジツム</t>
    </rPh>
    <rPh sb="5" eb="7">
      <t>ケイケン</t>
    </rPh>
    <rPh sb="7" eb="10">
      <t>ショウメイショ</t>
    </rPh>
    <phoneticPr fontId="3"/>
  </si>
  <si>
    <t>　　　　　山口県知事　　様</t>
    <rPh sb="5" eb="8">
      <t>ヤマグチケン</t>
    </rPh>
    <rPh sb="8" eb="10">
      <t>チジ</t>
    </rPh>
    <rPh sb="12" eb="13">
      <t>サマ</t>
    </rPh>
    <phoneticPr fontId="3"/>
  </si>
  <si>
    <t>施設または事業所の</t>
    <rPh sb="0" eb="2">
      <t>シセツ</t>
    </rPh>
    <rPh sb="5" eb="8">
      <t>ジギョウショ</t>
    </rPh>
    <phoneticPr fontId="3"/>
  </si>
  <si>
    <t>所在地及び名称</t>
    <rPh sb="0" eb="3">
      <t>ショザイチ</t>
    </rPh>
    <rPh sb="3" eb="4">
      <t>オヨ</t>
    </rPh>
    <rPh sb="5" eb="7">
      <t>メイショウ</t>
    </rPh>
    <phoneticPr fontId="3"/>
  </si>
  <si>
    <t>代表者氏名</t>
    <rPh sb="0" eb="3">
      <t>ダイヒョウシャ</t>
    </rPh>
    <rPh sb="3" eb="5">
      <t>シメイ</t>
    </rPh>
    <phoneticPr fontId="3"/>
  </si>
  <si>
    <t>（電話番号）</t>
    <rPh sb="1" eb="3">
      <t>デンワ</t>
    </rPh>
    <rPh sb="3" eb="5">
      <t>バンゴウ</t>
    </rPh>
    <phoneticPr fontId="3"/>
  </si>
  <si>
    <t>次の者は、以下のとおり介護等の実務経験を有することを証明します。</t>
    <rPh sb="0" eb="1">
      <t>ツギ</t>
    </rPh>
    <rPh sb="2" eb="3">
      <t>モノ</t>
    </rPh>
    <rPh sb="5" eb="7">
      <t>イカ</t>
    </rPh>
    <rPh sb="11" eb="13">
      <t>カイゴ</t>
    </rPh>
    <rPh sb="13" eb="14">
      <t>トウ</t>
    </rPh>
    <rPh sb="15" eb="17">
      <t>ジツム</t>
    </rPh>
    <rPh sb="17" eb="19">
      <t>ケイケン</t>
    </rPh>
    <rPh sb="20" eb="21">
      <t>ユウ</t>
    </rPh>
    <rPh sb="26" eb="28">
      <t>ショウメイ</t>
    </rPh>
    <phoneticPr fontId="3"/>
  </si>
  <si>
    <t>ふ　　り　　が　　な</t>
    <phoneticPr fontId="3"/>
  </si>
  <si>
    <t>氏　　  　  　　　名</t>
    <rPh sb="0" eb="1">
      <t>シ</t>
    </rPh>
    <rPh sb="11" eb="12">
      <t>メイ</t>
    </rPh>
    <phoneticPr fontId="3"/>
  </si>
  <si>
    <t>住　    　　　　　所</t>
    <rPh sb="0" eb="1">
      <t>ジュウ</t>
    </rPh>
    <rPh sb="11" eb="12">
      <t>ショ</t>
    </rPh>
    <phoneticPr fontId="3"/>
  </si>
  <si>
    <t>〒</t>
    <phoneticPr fontId="3"/>
  </si>
  <si>
    <t>施設または事業所名</t>
    <rPh sb="0" eb="2">
      <t>シセツ</t>
    </rPh>
    <rPh sb="5" eb="8">
      <t>ジギョウショ</t>
    </rPh>
    <rPh sb="8" eb="9">
      <t>メイ</t>
    </rPh>
    <phoneticPr fontId="3"/>
  </si>
  <si>
    <t>職　　　　 　　　　種</t>
    <rPh sb="0" eb="1">
      <t>ショク</t>
    </rPh>
    <rPh sb="10" eb="11">
      <t>タネ</t>
    </rPh>
    <phoneticPr fontId="3"/>
  </si>
  <si>
    <t>就  　業　  期 　 間</t>
    <rPh sb="0" eb="1">
      <t>シュウ</t>
    </rPh>
    <rPh sb="4" eb="5">
      <t>ギョウ</t>
    </rPh>
    <rPh sb="8" eb="9">
      <t>キ</t>
    </rPh>
    <rPh sb="12" eb="13">
      <t>アイダ</t>
    </rPh>
    <phoneticPr fontId="3"/>
  </si>
  <si>
    <t>上記期間のうち当該
業務に従事した日数</t>
    <rPh sb="0" eb="2">
      <t>ジョウキ</t>
    </rPh>
    <rPh sb="2" eb="4">
      <t>キカン</t>
    </rPh>
    <rPh sb="7" eb="9">
      <t>トウガイ</t>
    </rPh>
    <rPh sb="10" eb="12">
      <t>ギョウム</t>
    </rPh>
    <rPh sb="13" eb="15">
      <t>ジュウジ</t>
    </rPh>
    <rPh sb="17" eb="19">
      <t>ニッスウ</t>
    </rPh>
    <phoneticPr fontId="3"/>
  </si>
  <si>
    <t>(別紙１９－１－１）</t>
    <rPh sb="1" eb="3">
      <t>ベッシ</t>
    </rPh>
    <phoneticPr fontId="3"/>
  </si>
  <si>
    <t>サービス提供体制強化加算</t>
    <rPh sb="4" eb="6">
      <t>テイキョウ</t>
    </rPh>
    <rPh sb="6" eb="8">
      <t>タイセイ</t>
    </rPh>
    <rPh sb="8" eb="10">
      <t>キョウカ</t>
    </rPh>
    <rPh sb="10" eb="12">
      <t>カサン</t>
    </rPh>
    <phoneticPr fontId="3"/>
  </si>
  <si>
    <t>に関する確認書</t>
    <rPh sb="1" eb="2">
      <t>カン</t>
    </rPh>
    <rPh sb="4" eb="7">
      <t>カクニンショ</t>
    </rPh>
    <phoneticPr fontId="3"/>
  </si>
  <si>
    <t>特定事業所加算（訪問介護事業所）</t>
    <rPh sb="0" eb="2">
      <t>トクテイ</t>
    </rPh>
    <rPh sb="2" eb="5">
      <t>ジギョウショ</t>
    </rPh>
    <rPh sb="5" eb="7">
      <t>カサン</t>
    </rPh>
    <rPh sb="8" eb="10">
      <t>ホウモン</t>
    </rPh>
    <rPh sb="10" eb="12">
      <t>カイゴ</t>
    </rPh>
    <rPh sb="12" eb="15">
      <t>ジギョウショ</t>
    </rPh>
    <phoneticPr fontId="3"/>
  </si>
  <si>
    <t>〈居宅サービス、介護予防サービス（（介護予防）短期入所生活介護、（介護予防）短期入所療養介護を除く）〉</t>
    <rPh sb="1" eb="3">
      <t>キョタク</t>
    </rPh>
    <rPh sb="8" eb="10">
      <t>カイゴ</t>
    </rPh>
    <rPh sb="10" eb="12">
      <t>ヨボウ</t>
    </rPh>
    <rPh sb="18" eb="20">
      <t>カイゴ</t>
    </rPh>
    <rPh sb="20" eb="22">
      <t>ヨボウ</t>
    </rPh>
    <rPh sb="23" eb="25">
      <t>タンキ</t>
    </rPh>
    <rPh sb="25" eb="27">
      <t>ニュウショ</t>
    </rPh>
    <rPh sb="27" eb="29">
      <t>セイカツ</t>
    </rPh>
    <rPh sb="29" eb="31">
      <t>カイゴ</t>
    </rPh>
    <rPh sb="33" eb="35">
      <t>カイゴ</t>
    </rPh>
    <rPh sb="35" eb="37">
      <t>ヨボウ</t>
    </rPh>
    <rPh sb="38" eb="40">
      <t>タンキ</t>
    </rPh>
    <rPh sb="40" eb="42">
      <t>ニュウショ</t>
    </rPh>
    <rPh sb="42" eb="44">
      <t>リョウヨウ</t>
    </rPh>
    <rPh sb="44" eb="46">
      <t>カイゴ</t>
    </rPh>
    <rPh sb="47" eb="48">
      <t>ノゾ</t>
    </rPh>
    <phoneticPr fontId="3"/>
  </si>
  <si>
    <t>前年度実績が６月以上ある事業所</t>
    <rPh sb="0" eb="3">
      <t>ゼンネンド</t>
    </rPh>
    <rPh sb="3" eb="5">
      <t>ジッセキ</t>
    </rPh>
    <rPh sb="7" eb="8">
      <t>ツキ</t>
    </rPh>
    <rPh sb="8" eb="10">
      <t>イジョウ</t>
    </rPh>
    <rPh sb="12" eb="15">
      <t>ジギョウショ</t>
    </rPh>
    <phoneticPr fontId="3"/>
  </si>
  <si>
    <t>事業所名</t>
    <rPh sb="0" eb="3">
      <t>ジギョウショ</t>
    </rPh>
    <rPh sb="3" eb="4">
      <t>メイ</t>
    </rPh>
    <phoneticPr fontId="3"/>
  </si>
  <si>
    <t>１　加算の要件となる職種に従事するすべての職員（※１)の勤務延時間数、常勤換算数</t>
    <rPh sb="2" eb="4">
      <t>カサン</t>
    </rPh>
    <rPh sb="5" eb="7">
      <t>ヨウケン</t>
    </rPh>
    <rPh sb="10" eb="12">
      <t>ショクシュ</t>
    </rPh>
    <rPh sb="13" eb="15">
      <t>ジュウジ</t>
    </rPh>
    <rPh sb="21" eb="23">
      <t>ショクイン</t>
    </rPh>
    <rPh sb="28" eb="30">
      <t>キンム</t>
    </rPh>
    <rPh sb="30" eb="31">
      <t>ノ</t>
    </rPh>
    <rPh sb="31" eb="34">
      <t>ジカンスウ</t>
    </rPh>
    <rPh sb="35" eb="37">
      <t>ジョウキン</t>
    </rPh>
    <rPh sb="37" eb="39">
      <t>カンサン</t>
    </rPh>
    <rPh sb="39" eb="40">
      <t>スウ</t>
    </rPh>
    <phoneticPr fontId="3"/>
  </si>
  <si>
    <t>４月</t>
    <rPh sb="1" eb="2">
      <t>ツキ</t>
    </rPh>
    <phoneticPr fontId="3"/>
  </si>
  <si>
    <t>５月</t>
  </si>
  <si>
    <t>６月</t>
  </si>
  <si>
    <t>７月</t>
  </si>
  <si>
    <t>８月</t>
  </si>
  <si>
    <t>９月</t>
  </si>
  <si>
    <t>１０月</t>
  </si>
  <si>
    <t>１１月</t>
  </si>
  <si>
    <t>１２月</t>
  </si>
  <si>
    <t>１月</t>
  </si>
  <si>
    <t>２月</t>
  </si>
  <si>
    <t>常勤換算数の平均①</t>
    <rPh sb="0" eb="2">
      <t>ジョウキン</t>
    </rPh>
    <rPh sb="2" eb="4">
      <t>カンサン</t>
    </rPh>
    <rPh sb="4" eb="5">
      <t>カズ</t>
    </rPh>
    <rPh sb="6" eb="8">
      <t>ヘイキン</t>
    </rPh>
    <phoneticPr fontId="3"/>
  </si>
  <si>
    <t>暦月の勤務延時間数</t>
    <rPh sb="0" eb="1">
      <t>レキ</t>
    </rPh>
    <rPh sb="1" eb="2">
      <t>ゲツ</t>
    </rPh>
    <rPh sb="3" eb="5">
      <t>キンム</t>
    </rPh>
    <rPh sb="5" eb="6">
      <t>ノ</t>
    </rPh>
    <rPh sb="6" eb="8">
      <t>ジカン</t>
    </rPh>
    <rPh sb="8" eb="9">
      <t>カズ</t>
    </rPh>
    <phoneticPr fontId="3"/>
  </si>
  <si>
    <t>常勤職員が暦月に勤務すべき時間数　※２</t>
    <rPh sb="0" eb="2">
      <t>ジョウキン</t>
    </rPh>
    <rPh sb="2" eb="4">
      <t>ショクイン</t>
    </rPh>
    <rPh sb="5" eb="6">
      <t>レキ</t>
    </rPh>
    <rPh sb="6" eb="7">
      <t>ゲツ</t>
    </rPh>
    <rPh sb="8" eb="10">
      <t>キンム</t>
    </rPh>
    <rPh sb="13" eb="16">
      <t>ジカンスウ</t>
    </rPh>
    <phoneticPr fontId="3"/>
  </si>
  <si>
    <t>常勤換算数</t>
    <rPh sb="0" eb="2">
      <t>ジョウキン</t>
    </rPh>
    <rPh sb="2" eb="4">
      <t>カンサン</t>
    </rPh>
    <rPh sb="4" eb="5">
      <t>スウ</t>
    </rPh>
    <phoneticPr fontId="3"/>
  </si>
  <si>
    <t>※１　訪問介護事業所にあっては、訪問介護員等について記入してください。</t>
    <rPh sb="3" eb="5">
      <t>ホウモン</t>
    </rPh>
    <rPh sb="5" eb="7">
      <t>カイゴ</t>
    </rPh>
    <rPh sb="7" eb="10">
      <t>ジギョウショ</t>
    </rPh>
    <rPh sb="16" eb="18">
      <t>ホウモン</t>
    </rPh>
    <rPh sb="18" eb="21">
      <t>カイゴイン</t>
    </rPh>
    <rPh sb="21" eb="22">
      <t>トウ</t>
    </rPh>
    <rPh sb="26" eb="28">
      <t>キニュウ</t>
    </rPh>
    <phoneticPr fontId="3"/>
  </si>
  <si>
    <t>　　　（介護予防）訪問入浴介護・通所介護・（介護予防）通所ﾘﾊﾋﾞﾘﾃｰｼｮﾝ事業所にあっては、介護職員について記入してください。</t>
    <rPh sb="4" eb="6">
      <t>カイゴ</t>
    </rPh>
    <rPh sb="6" eb="8">
      <t>ヨボウ</t>
    </rPh>
    <rPh sb="9" eb="11">
      <t>ホウモン</t>
    </rPh>
    <rPh sb="11" eb="13">
      <t>ニュウヨク</t>
    </rPh>
    <rPh sb="13" eb="15">
      <t>カイゴ</t>
    </rPh>
    <rPh sb="16" eb="18">
      <t>ツウショ</t>
    </rPh>
    <rPh sb="18" eb="20">
      <t>カイゴ</t>
    </rPh>
    <rPh sb="22" eb="24">
      <t>カイゴ</t>
    </rPh>
    <rPh sb="24" eb="26">
      <t>ヨボウ</t>
    </rPh>
    <rPh sb="27" eb="29">
      <t>ツウショ</t>
    </rPh>
    <rPh sb="39" eb="42">
      <t>ジギョウショ</t>
    </rPh>
    <rPh sb="48" eb="50">
      <t>カイゴ</t>
    </rPh>
    <rPh sb="50" eb="52">
      <t>ショクイン</t>
    </rPh>
    <rPh sb="56" eb="58">
      <t>キニュウ</t>
    </rPh>
    <phoneticPr fontId="3"/>
  </si>
  <si>
    <t>※２　常勤職員が暦月に勤務すべき時間数は、次の例を参考に記入してください。</t>
    <rPh sb="3" eb="5">
      <t>ジョウキン</t>
    </rPh>
    <rPh sb="5" eb="7">
      <t>ショクイン</t>
    </rPh>
    <rPh sb="8" eb="9">
      <t>レキ</t>
    </rPh>
    <rPh sb="9" eb="10">
      <t>ゲツ</t>
    </rPh>
    <rPh sb="11" eb="13">
      <t>キンム</t>
    </rPh>
    <rPh sb="16" eb="19">
      <t>ジカンスウ</t>
    </rPh>
    <rPh sb="21" eb="22">
      <t>ツギ</t>
    </rPh>
    <rPh sb="23" eb="24">
      <t>レイ</t>
    </rPh>
    <rPh sb="25" eb="27">
      <t>サンコウ</t>
    </rPh>
    <rPh sb="28" eb="30">
      <t>キニュウ</t>
    </rPh>
    <phoneticPr fontId="3"/>
  </si>
  <si>
    <t>　　　　（例１）変形労働時間制の変形期間における法定労働時間の総枠の例</t>
    <rPh sb="5" eb="6">
      <t>レイ</t>
    </rPh>
    <rPh sb="8" eb="10">
      <t>ヘンケイ</t>
    </rPh>
    <rPh sb="10" eb="12">
      <t>ロウドウ</t>
    </rPh>
    <rPh sb="12" eb="15">
      <t>ジカンセイ</t>
    </rPh>
    <rPh sb="16" eb="18">
      <t>ヘンケイ</t>
    </rPh>
    <rPh sb="18" eb="20">
      <t>キカン</t>
    </rPh>
    <rPh sb="24" eb="26">
      <t>ホウテイ</t>
    </rPh>
    <rPh sb="26" eb="28">
      <t>ロウドウ</t>
    </rPh>
    <rPh sb="28" eb="30">
      <t>ジカン</t>
    </rPh>
    <rPh sb="31" eb="33">
      <t>ソウワク</t>
    </rPh>
    <rPh sb="34" eb="35">
      <t>レイ</t>
    </rPh>
    <phoneticPr fontId="3"/>
  </si>
  <si>
    <t>　　　　　　　４０時間×日数（３０）÷７日＝１７１時間</t>
    <rPh sb="9" eb="11">
      <t>ジカン</t>
    </rPh>
    <rPh sb="12" eb="14">
      <t>ニッスウ</t>
    </rPh>
    <rPh sb="20" eb="21">
      <t>ニチ</t>
    </rPh>
    <rPh sb="25" eb="27">
      <t>ジカン</t>
    </rPh>
    <phoneticPr fontId="3"/>
  </si>
  <si>
    <t>　　　　（例２）週４０時間（土日休み）勤務としている事業所の例</t>
    <rPh sb="5" eb="6">
      <t>レイ</t>
    </rPh>
    <rPh sb="8" eb="9">
      <t>シュウ</t>
    </rPh>
    <rPh sb="11" eb="13">
      <t>ジカン</t>
    </rPh>
    <rPh sb="14" eb="16">
      <t>ドニチ</t>
    </rPh>
    <rPh sb="16" eb="17">
      <t>ヤス</t>
    </rPh>
    <rPh sb="19" eb="21">
      <t>キンム</t>
    </rPh>
    <rPh sb="26" eb="29">
      <t>ジギョウショ</t>
    </rPh>
    <rPh sb="30" eb="31">
      <t>レイ</t>
    </rPh>
    <phoneticPr fontId="3"/>
  </si>
  <si>
    <t>　　　　　　　４０時間×４週＋４０時間÷５日×２日（端数が生じる週の勤務日数）＝１７６時間</t>
    <rPh sb="9" eb="11">
      <t>ジカン</t>
    </rPh>
    <rPh sb="13" eb="14">
      <t>シュウ</t>
    </rPh>
    <rPh sb="17" eb="19">
      <t>ジカン</t>
    </rPh>
    <rPh sb="21" eb="22">
      <t>ニチ</t>
    </rPh>
    <rPh sb="24" eb="25">
      <t>ニチ</t>
    </rPh>
    <rPh sb="26" eb="28">
      <t>ハスウ</t>
    </rPh>
    <rPh sb="29" eb="30">
      <t>ショウ</t>
    </rPh>
    <rPh sb="32" eb="33">
      <t>シュウ</t>
    </rPh>
    <rPh sb="34" eb="36">
      <t>キンム</t>
    </rPh>
    <rPh sb="36" eb="38">
      <t>ニッスウ</t>
    </rPh>
    <rPh sb="37" eb="38">
      <t>カズ</t>
    </rPh>
    <rPh sb="43" eb="45">
      <t>ジカン</t>
    </rPh>
    <phoneticPr fontId="3"/>
  </si>
  <si>
    <t>２　１に掲げる職員（※１）のうち加算の要件を満たす有資格者（※３）の氏名、勤務時間数、常勤換算数等</t>
    <rPh sb="4" eb="5">
      <t>カカ</t>
    </rPh>
    <rPh sb="7" eb="9">
      <t>ショクイン</t>
    </rPh>
    <rPh sb="16" eb="18">
      <t>カサン</t>
    </rPh>
    <rPh sb="19" eb="21">
      <t>ヨウケン</t>
    </rPh>
    <rPh sb="22" eb="23">
      <t>ミ</t>
    </rPh>
    <rPh sb="25" eb="26">
      <t>ユウ</t>
    </rPh>
    <rPh sb="26" eb="28">
      <t>シカク</t>
    </rPh>
    <rPh sb="28" eb="29">
      <t>シャ</t>
    </rPh>
    <rPh sb="34" eb="36">
      <t>シメイ</t>
    </rPh>
    <rPh sb="37" eb="39">
      <t>キンム</t>
    </rPh>
    <rPh sb="39" eb="41">
      <t>ジカン</t>
    </rPh>
    <rPh sb="41" eb="42">
      <t>スウ</t>
    </rPh>
    <rPh sb="43" eb="45">
      <t>ジョウキン</t>
    </rPh>
    <rPh sb="45" eb="47">
      <t>カンサン</t>
    </rPh>
    <rPh sb="47" eb="48">
      <t>スウ</t>
    </rPh>
    <rPh sb="48" eb="49">
      <t>トウ</t>
    </rPh>
    <phoneticPr fontId="3"/>
  </si>
  <si>
    <t>氏　　名</t>
    <rPh sb="0" eb="1">
      <t>シ</t>
    </rPh>
    <rPh sb="3" eb="4">
      <t>メイ</t>
    </rPh>
    <phoneticPr fontId="3"/>
  </si>
  <si>
    <t>資格の種類
※３</t>
    <rPh sb="0" eb="2">
      <t>シカク</t>
    </rPh>
    <rPh sb="3" eb="5">
      <t>シュルイ</t>
    </rPh>
    <phoneticPr fontId="3"/>
  </si>
  <si>
    <r>
      <t xml:space="preserve">４月
</t>
    </r>
    <r>
      <rPr>
        <sz val="8"/>
        <rFont val="ＭＳ Ｐゴシック"/>
        <family val="3"/>
        <charset val="128"/>
      </rPr>
      <t>(時間）</t>
    </r>
    <rPh sb="1" eb="2">
      <t>ツキ</t>
    </rPh>
    <rPh sb="4" eb="6">
      <t>ジカン</t>
    </rPh>
    <phoneticPr fontId="3"/>
  </si>
  <si>
    <r>
      <t xml:space="preserve">５月
</t>
    </r>
    <r>
      <rPr>
        <sz val="8"/>
        <rFont val="ＭＳ Ｐゴシック"/>
        <family val="3"/>
        <charset val="128"/>
      </rPr>
      <t>(時間）</t>
    </r>
    <rPh sb="1" eb="2">
      <t>ツキ</t>
    </rPh>
    <rPh sb="4" eb="6">
      <t>ジカン</t>
    </rPh>
    <phoneticPr fontId="3"/>
  </si>
  <si>
    <r>
      <t xml:space="preserve">６月
</t>
    </r>
    <r>
      <rPr>
        <sz val="8"/>
        <rFont val="ＭＳ Ｐゴシック"/>
        <family val="3"/>
        <charset val="128"/>
      </rPr>
      <t>(時間）</t>
    </r>
    <rPh sb="1" eb="2">
      <t>ツキ</t>
    </rPh>
    <rPh sb="4" eb="6">
      <t>ジカン</t>
    </rPh>
    <phoneticPr fontId="3"/>
  </si>
  <si>
    <r>
      <t xml:space="preserve">７月
</t>
    </r>
    <r>
      <rPr>
        <sz val="8"/>
        <rFont val="ＭＳ Ｐゴシック"/>
        <family val="3"/>
        <charset val="128"/>
      </rPr>
      <t>(時間）</t>
    </r>
    <rPh sb="1" eb="2">
      <t>ツキ</t>
    </rPh>
    <rPh sb="4" eb="6">
      <t>ジカン</t>
    </rPh>
    <phoneticPr fontId="3"/>
  </si>
  <si>
    <r>
      <t xml:space="preserve">８月
</t>
    </r>
    <r>
      <rPr>
        <sz val="8"/>
        <rFont val="ＭＳ Ｐゴシック"/>
        <family val="3"/>
        <charset val="128"/>
      </rPr>
      <t>(時間）</t>
    </r>
    <rPh sb="1" eb="2">
      <t>ツキ</t>
    </rPh>
    <rPh sb="4" eb="6">
      <t>ジカン</t>
    </rPh>
    <phoneticPr fontId="3"/>
  </si>
  <si>
    <r>
      <t xml:space="preserve">９月
</t>
    </r>
    <r>
      <rPr>
        <sz val="8"/>
        <rFont val="ＭＳ Ｐゴシック"/>
        <family val="3"/>
        <charset val="128"/>
      </rPr>
      <t>(時間）</t>
    </r>
    <rPh sb="1" eb="2">
      <t>ツキ</t>
    </rPh>
    <rPh sb="4" eb="6">
      <t>ジカン</t>
    </rPh>
    <phoneticPr fontId="3"/>
  </si>
  <si>
    <r>
      <t xml:space="preserve">１０月
</t>
    </r>
    <r>
      <rPr>
        <sz val="8"/>
        <rFont val="ＭＳ Ｐゴシック"/>
        <family val="3"/>
        <charset val="128"/>
      </rPr>
      <t>(時間）</t>
    </r>
    <rPh sb="2" eb="3">
      <t>ツキ</t>
    </rPh>
    <rPh sb="5" eb="7">
      <t>ジカン</t>
    </rPh>
    <phoneticPr fontId="3"/>
  </si>
  <si>
    <r>
      <t xml:space="preserve">１１月
</t>
    </r>
    <r>
      <rPr>
        <sz val="8"/>
        <rFont val="ＭＳ Ｐゴシック"/>
        <family val="3"/>
        <charset val="128"/>
      </rPr>
      <t>(時間）</t>
    </r>
    <rPh sb="2" eb="3">
      <t>ツキ</t>
    </rPh>
    <rPh sb="5" eb="7">
      <t>ジカン</t>
    </rPh>
    <phoneticPr fontId="3"/>
  </si>
  <si>
    <r>
      <t xml:space="preserve">１２月
</t>
    </r>
    <r>
      <rPr>
        <sz val="8"/>
        <rFont val="ＭＳ Ｐゴシック"/>
        <family val="3"/>
        <charset val="128"/>
      </rPr>
      <t>(時間）</t>
    </r>
    <rPh sb="2" eb="3">
      <t>ツキ</t>
    </rPh>
    <rPh sb="5" eb="7">
      <t>ジカン</t>
    </rPh>
    <phoneticPr fontId="3"/>
  </si>
  <si>
    <r>
      <t xml:space="preserve">１月
</t>
    </r>
    <r>
      <rPr>
        <sz val="8"/>
        <rFont val="ＭＳ Ｐゴシック"/>
        <family val="3"/>
        <charset val="128"/>
      </rPr>
      <t>(時間）</t>
    </r>
    <rPh sb="1" eb="2">
      <t>ツキ</t>
    </rPh>
    <rPh sb="4" eb="6">
      <t>ジカン</t>
    </rPh>
    <phoneticPr fontId="3"/>
  </si>
  <si>
    <r>
      <t xml:space="preserve">２月
</t>
    </r>
    <r>
      <rPr>
        <sz val="8"/>
        <rFont val="ＭＳ Ｐゴシック"/>
        <family val="3"/>
        <charset val="128"/>
      </rPr>
      <t>(時間）</t>
    </r>
    <rPh sb="1" eb="2">
      <t>ツキ</t>
    </rPh>
    <rPh sb="4" eb="6">
      <t>ジカン</t>
    </rPh>
    <phoneticPr fontId="3"/>
  </si>
  <si>
    <t>備　考
※４</t>
    <rPh sb="0" eb="1">
      <t>ソノオ</t>
    </rPh>
    <rPh sb="2" eb="3">
      <t>コウ</t>
    </rPh>
    <phoneticPr fontId="3"/>
  </si>
  <si>
    <t>常勤換算数
の平均</t>
    <rPh sb="0" eb="2">
      <t>ジョウキン</t>
    </rPh>
    <rPh sb="2" eb="4">
      <t>カンサン</t>
    </rPh>
    <rPh sb="4" eb="5">
      <t>スウ</t>
    </rPh>
    <rPh sb="7" eb="9">
      <t>ヘイキン</t>
    </rPh>
    <phoneticPr fontId="3"/>
  </si>
  <si>
    <r>
      <t>　　　・通所介護事業所、(介護予防)通所リハビリテーション事業所にあっては、１のうち介護福祉士の資格を有する者の氏名、</t>
    </r>
    <r>
      <rPr>
        <sz val="11"/>
        <rFont val="ＭＳ Ｐゴシック"/>
        <family val="3"/>
        <charset val="128"/>
      </rPr>
      <t>資格及び</t>
    </r>
    <rPh sb="4" eb="6">
      <t>ツウショ</t>
    </rPh>
    <rPh sb="6" eb="8">
      <t>カイゴ</t>
    </rPh>
    <rPh sb="8" eb="11">
      <t>ジギョウショ</t>
    </rPh>
    <rPh sb="13" eb="15">
      <t>カイゴ</t>
    </rPh>
    <rPh sb="15" eb="17">
      <t>ヨボウ</t>
    </rPh>
    <rPh sb="18" eb="20">
      <t>ツウショ</t>
    </rPh>
    <rPh sb="29" eb="32">
      <t>ジギョウショ</t>
    </rPh>
    <rPh sb="42" eb="44">
      <t>カイゴ</t>
    </rPh>
    <rPh sb="44" eb="47">
      <t>フクシシ</t>
    </rPh>
    <rPh sb="48" eb="50">
      <t>シカク</t>
    </rPh>
    <rPh sb="51" eb="52">
      <t>ユウ</t>
    </rPh>
    <rPh sb="54" eb="55">
      <t>シャ</t>
    </rPh>
    <rPh sb="56" eb="58">
      <t>シメイ</t>
    </rPh>
    <rPh sb="59" eb="61">
      <t>シカク</t>
    </rPh>
    <rPh sb="61" eb="62">
      <t>オヨ</t>
    </rPh>
    <phoneticPr fontId="3"/>
  </si>
  <si>
    <r>
      <t>　　　　</t>
    </r>
    <r>
      <rPr>
        <sz val="11"/>
        <rFont val="ＭＳ Ｐゴシック"/>
        <family val="3"/>
        <charset val="128"/>
      </rPr>
      <t>勤務時間数を記入してください。</t>
    </r>
    <rPh sb="4" eb="6">
      <t>キンム</t>
    </rPh>
    <rPh sb="6" eb="8">
      <t>ジカン</t>
    </rPh>
    <rPh sb="8" eb="9">
      <t>スウ</t>
    </rPh>
    <rPh sb="10" eb="12">
      <t>キニュウ</t>
    </rPh>
    <phoneticPr fontId="3"/>
  </si>
  <si>
    <t>※４　備考欄には兼務がある場合の職種、兼務先等を記入してください。</t>
    <rPh sb="3" eb="6">
      <t>ビコウラン</t>
    </rPh>
    <rPh sb="8" eb="10">
      <t>ケンム</t>
    </rPh>
    <rPh sb="13" eb="15">
      <t>バアイ</t>
    </rPh>
    <rPh sb="16" eb="18">
      <t>ショクシュ</t>
    </rPh>
    <rPh sb="19" eb="21">
      <t>ケンム</t>
    </rPh>
    <rPh sb="21" eb="22">
      <t>サキ</t>
    </rPh>
    <rPh sb="22" eb="23">
      <t>トウ</t>
    </rPh>
    <rPh sb="24" eb="26">
      <t>キニュウ</t>
    </rPh>
    <phoneticPr fontId="3"/>
  </si>
  <si>
    <r>
      <t>※５　</t>
    </r>
    <r>
      <rPr>
        <u/>
        <sz val="11"/>
        <rFont val="ＭＳ Ｐゴシック"/>
        <family val="3"/>
        <charset val="128"/>
      </rPr>
      <t>職員１人の暦月の勤務時間数は、「常勤職員が暦月に勤務すべき時間数　※２」を超えないでください。</t>
    </r>
    <rPh sb="3" eb="5">
      <t>ショクイン</t>
    </rPh>
    <rPh sb="6" eb="7">
      <t>ニン</t>
    </rPh>
    <rPh sb="8" eb="9">
      <t>レキ</t>
    </rPh>
    <rPh sb="9" eb="10">
      <t>ゲツ</t>
    </rPh>
    <rPh sb="11" eb="13">
      <t>キンム</t>
    </rPh>
    <rPh sb="13" eb="15">
      <t>ジカン</t>
    </rPh>
    <rPh sb="15" eb="16">
      <t>スウ</t>
    </rPh>
    <rPh sb="19" eb="21">
      <t>ジョウキン</t>
    </rPh>
    <rPh sb="21" eb="23">
      <t>ショクイン</t>
    </rPh>
    <rPh sb="24" eb="25">
      <t>レキ</t>
    </rPh>
    <rPh sb="25" eb="26">
      <t>ゲツ</t>
    </rPh>
    <rPh sb="27" eb="29">
      <t>キンム</t>
    </rPh>
    <rPh sb="32" eb="35">
      <t>ジカンスウ</t>
    </rPh>
    <rPh sb="40" eb="41">
      <t>コ</t>
    </rPh>
    <phoneticPr fontId="3"/>
  </si>
  <si>
    <t>※６　常勤専従の職員の勤務時間数については、休暇等の期間が暦月で１月を超えるものでない限り、※２の勤務時間数により算定して</t>
    <rPh sb="3" eb="5">
      <t>ジョウキン</t>
    </rPh>
    <rPh sb="5" eb="7">
      <t>センジュウ</t>
    </rPh>
    <rPh sb="8" eb="10">
      <t>ショクイン</t>
    </rPh>
    <rPh sb="11" eb="13">
      <t>キンム</t>
    </rPh>
    <rPh sb="13" eb="16">
      <t>ジカンスウ</t>
    </rPh>
    <rPh sb="22" eb="24">
      <t>キュウカ</t>
    </rPh>
    <rPh sb="24" eb="25">
      <t>トウ</t>
    </rPh>
    <rPh sb="26" eb="28">
      <t>キカン</t>
    </rPh>
    <rPh sb="29" eb="30">
      <t>レキ</t>
    </rPh>
    <rPh sb="30" eb="31">
      <t>ゲツ</t>
    </rPh>
    <rPh sb="33" eb="34">
      <t>ツキ</t>
    </rPh>
    <rPh sb="35" eb="36">
      <t>コ</t>
    </rPh>
    <rPh sb="43" eb="44">
      <t>カギ</t>
    </rPh>
    <rPh sb="49" eb="51">
      <t>キンム</t>
    </rPh>
    <rPh sb="51" eb="54">
      <t>ジカンスウ</t>
    </rPh>
    <rPh sb="57" eb="59">
      <t>サンテイ</t>
    </rPh>
    <phoneticPr fontId="3"/>
  </si>
  <si>
    <t>　　　ください。</t>
    <phoneticPr fontId="3"/>
  </si>
  <si>
    <t>※７　他事業所の職種との兼務や事業所の他の職種との兼務がある場合、当該兼務に係る勤務時間数は除いてください。</t>
    <rPh sb="3" eb="6">
      <t>タジギョウ</t>
    </rPh>
    <rPh sb="6" eb="7">
      <t>ショ</t>
    </rPh>
    <rPh sb="8" eb="10">
      <t>ショクシュ</t>
    </rPh>
    <rPh sb="12" eb="14">
      <t>ケンム</t>
    </rPh>
    <rPh sb="15" eb="18">
      <t>ジギョウショ</t>
    </rPh>
    <rPh sb="19" eb="20">
      <t>タ</t>
    </rPh>
    <rPh sb="21" eb="23">
      <t>ショクシュ</t>
    </rPh>
    <rPh sb="25" eb="27">
      <t>ケンム</t>
    </rPh>
    <rPh sb="30" eb="32">
      <t>バアイ</t>
    </rPh>
    <rPh sb="33" eb="35">
      <t>トウガイ</t>
    </rPh>
    <rPh sb="35" eb="37">
      <t>ケンム</t>
    </rPh>
    <rPh sb="38" eb="39">
      <t>カカ</t>
    </rPh>
    <rPh sb="40" eb="42">
      <t>キンム</t>
    </rPh>
    <rPh sb="42" eb="44">
      <t>ジカン</t>
    </rPh>
    <rPh sb="44" eb="45">
      <t>カズ</t>
    </rPh>
    <rPh sb="46" eb="47">
      <t>ノゾ</t>
    </rPh>
    <phoneticPr fontId="3"/>
  </si>
  <si>
    <t>※８　非常勤職員については、暦月に（※１）の職員として勤務した時間数により算定してください。</t>
    <rPh sb="3" eb="6">
      <t>ヒジョウキン</t>
    </rPh>
    <rPh sb="6" eb="8">
      <t>ショクイン</t>
    </rPh>
    <rPh sb="14" eb="15">
      <t>レキ</t>
    </rPh>
    <rPh sb="15" eb="16">
      <t>ヅキ</t>
    </rPh>
    <rPh sb="16" eb="17">
      <t>トウゲツ</t>
    </rPh>
    <rPh sb="22" eb="24">
      <t>ショクイン</t>
    </rPh>
    <rPh sb="27" eb="29">
      <t>キンム</t>
    </rPh>
    <rPh sb="31" eb="34">
      <t>ジカンスウ</t>
    </rPh>
    <rPh sb="37" eb="39">
      <t>サンテイ</t>
    </rPh>
    <phoneticPr fontId="3"/>
  </si>
  <si>
    <t>※９　加算の要件となる資格者証の写しを添付してください。</t>
    <rPh sb="3" eb="5">
      <t>カサン</t>
    </rPh>
    <rPh sb="6" eb="8">
      <t>ヨウケン</t>
    </rPh>
    <rPh sb="11" eb="14">
      <t>シカクシャ</t>
    </rPh>
    <rPh sb="14" eb="15">
      <t>ショウ</t>
    </rPh>
    <rPh sb="16" eb="17">
      <t>ウツ</t>
    </rPh>
    <rPh sb="19" eb="21">
      <t>テンプ</t>
    </rPh>
    <phoneticPr fontId="3"/>
  </si>
  <si>
    <t>注１　青色のセルは計算式が入力されているため、入力しないで下さい。</t>
    <rPh sb="0" eb="1">
      <t>チュウ</t>
    </rPh>
    <rPh sb="3" eb="5">
      <t>アオイロ</t>
    </rPh>
    <rPh sb="9" eb="12">
      <t>ケイサンシキ</t>
    </rPh>
    <rPh sb="13" eb="15">
      <t>ニュウリョク</t>
    </rPh>
    <rPh sb="23" eb="25">
      <t>ニュウリョク</t>
    </rPh>
    <rPh sb="29" eb="30">
      <t>クダ</t>
    </rPh>
    <phoneticPr fontId="3"/>
  </si>
  <si>
    <t>(別紙１９－１－２）</t>
    <rPh sb="1" eb="3">
      <t>ベッシ</t>
    </rPh>
    <phoneticPr fontId="3"/>
  </si>
  <si>
    <t>前年度実績が６月に満たない事業所又</t>
    <rPh sb="0" eb="3">
      <t>ゼンネンド</t>
    </rPh>
    <rPh sb="3" eb="5">
      <t>ジッセキ</t>
    </rPh>
    <rPh sb="7" eb="8">
      <t>ツキ</t>
    </rPh>
    <rPh sb="9" eb="10">
      <t>ミ</t>
    </rPh>
    <rPh sb="13" eb="16">
      <t>ジギョウショ</t>
    </rPh>
    <rPh sb="16" eb="17">
      <t>マタ</t>
    </rPh>
    <phoneticPr fontId="3"/>
  </si>
  <si>
    <t>は直近３月を選択する訪問介護事業所</t>
    <rPh sb="1" eb="3">
      <t>チョッキン</t>
    </rPh>
    <rPh sb="4" eb="5">
      <t>ツキ</t>
    </rPh>
    <rPh sb="6" eb="8">
      <t>センタク</t>
    </rPh>
    <rPh sb="10" eb="12">
      <t>ホウモン</t>
    </rPh>
    <rPh sb="12" eb="14">
      <t>カイゴ</t>
    </rPh>
    <rPh sb="14" eb="17">
      <t>ジギョウショ</t>
    </rPh>
    <phoneticPr fontId="3"/>
  </si>
  <si>
    <t>　月</t>
    <rPh sb="1" eb="2">
      <t>ツキ</t>
    </rPh>
    <phoneticPr fontId="3"/>
  </si>
  <si>
    <t>暦月の勤務時間の総数　※１</t>
    <rPh sb="0" eb="1">
      <t>レキ</t>
    </rPh>
    <rPh sb="1" eb="2">
      <t>ゲツ</t>
    </rPh>
    <rPh sb="3" eb="5">
      <t>キンム</t>
    </rPh>
    <rPh sb="5" eb="7">
      <t>ジカン</t>
    </rPh>
    <rPh sb="8" eb="10">
      <t>ソウスウ</t>
    </rPh>
    <phoneticPr fontId="3"/>
  </si>
  <si>
    <t>資格の種類</t>
    <rPh sb="0" eb="2">
      <t>シカク</t>
    </rPh>
    <rPh sb="3" eb="5">
      <t>シュルイ</t>
    </rPh>
    <phoneticPr fontId="3"/>
  </si>
  <si>
    <r>
      <t xml:space="preserve">　月
</t>
    </r>
    <r>
      <rPr>
        <sz val="8"/>
        <rFont val="ＭＳ Ｐゴシック"/>
        <family val="3"/>
        <charset val="128"/>
      </rPr>
      <t>(時間）</t>
    </r>
    <rPh sb="1" eb="2">
      <t>ツキ</t>
    </rPh>
    <rPh sb="4" eb="6">
      <t>ジカン</t>
    </rPh>
    <phoneticPr fontId="3"/>
  </si>
  <si>
    <r>
      <t>　　　</t>
    </r>
    <r>
      <rPr>
        <sz val="11"/>
        <rFont val="ＭＳ Ｐゴシック"/>
        <family val="3"/>
        <charset val="128"/>
      </rPr>
      <t>　勤務時間数を記入してください。</t>
    </r>
    <rPh sb="4" eb="6">
      <t>キンム</t>
    </rPh>
    <rPh sb="6" eb="8">
      <t>ジカン</t>
    </rPh>
    <rPh sb="8" eb="9">
      <t>スウ</t>
    </rPh>
    <rPh sb="10" eb="12">
      <t>キニュウ</t>
    </rPh>
    <phoneticPr fontId="3"/>
  </si>
  <si>
    <t>回開催</t>
    <phoneticPr fontId="3"/>
  </si>
  <si>
    <t>年１回</t>
    <phoneticPr fontId="3"/>
  </si>
  <si>
    <t>）</t>
    <phoneticPr fontId="3"/>
  </si>
  <si>
    <t>年</t>
  </si>
  <si>
    <t>年</t>
    <phoneticPr fontId="3"/>
  </si>
  <si>
    <t>その他 （</t>
    <rPh sb="2" eb="3">
      <t>タ</t>
    </rPh>
    <phoneticPr fontId="3"/>
  </si>
  <si>
    <t>　　一月当たり</t>
    <rPh sb="2" eb="3">
      <t>ヒト</t>
    </rPh>
    <rPh sb="3" eb="4">
      <t>ツキ</t>
    </rPh>
    <rPh sb="4" eb="5">
      <t>ア</t>
    </rPh>
    <phoneticPr fontId="3"/>
  </si>
  <si>
    <t>－</t>
    <phoneticPr fontId="3"/>
  </si>
  <si>
    <t>昭和</t>
  </si>
  <si>
    <t>昭和</t>
    <phoneticPr fontId="3"/>
  </si>
  <si>
    <t>平成</t>
    <phoneticPr fontId="3"/>
  </si>
  <si>
    <t>日から</t>
    <rPh sb="0" eb="1">
      <t>ヒ</t>
    </rPh>
    <phoneticPr fontId="3"/>
  </si>
  <si>
    <t>令和</t>
    <phoneticPr fontId="3"/>
  </si>
  <si>
    <t>令和　　　　
　　　　  　　　　　　　　　　　</t>
    <phoneticPr fontId="3"/>
  </si>
  <si>
    <t>平成</t>
    <rPh sb="0" eb="2">
      <t>ヘイセイ</t>
    </rPh>
    <phoneticPr fontId="3"/>
  </si>
  <si>
    <t>日生</t>
    <rPh sb="0" eb="1">
      <t>ニチ</t>
    </rPh>
    <rPh sb="1" eb="2">
      <t>ウ</t>
    </rPh>
    <phoneticPr fontId="3"/>
  </si>
  <si>
    <t>日まで（</t>
    <rPh sb="0" eb="1">
      <t>ニチ</t>
    </rPh>
    <phoneticPr fontId="3"/>
  </si>
  <si>
    <t>日）</t>
    <rPh sb="0" eb="1">
      <t>ニチ</t>
    </rPh>
    <phoneticPr fontId="3"/>
  </si>
  <si>
    <t>月</t>
    <phoneticPr fontId="3"/>
  </si>
  <si>
    <t>月</t>
    <rPh sb="0" eb="1">
      <t>ゲツ</t>
    </rPh>
    <phoneticPr fontId="3"/>
  </si>
  <si>
    <t>印</t>
  </si>
  <si>
    <r>
      <rPr>
        <sz val="8"/>
        <rFont val="ＭＳ Ｐゴシック"/>
        <family val="3"/>
        <charset val="128"/>
      </rPr>
      <t>グループ別</t>
    </r>
    <r>
      <rPr>
        <sz val="9"/>
        <rFont val="ＭＳ Ｐゴシック"/>
        <family val="3"/>
        <charset val="128"/>
      </rPr>
      <t xml:space="preserve">
全   体</t>
    </r>
    <rPh sb="4" eb="5">
      <t>ベツ</t>
    </rPh>
    <rPh sb="7" eb="8">
      <t>ゼン</t>
    </rPh>
    <rPh sb="11" eb="12">
      <t>カラダ</t>
    </rPh>
    <phoneticPr fontId="3"/>
  </si>
  <si>
    <r>
      <t xml:space="preserve">実施
</t>
    </r>
    <r>
      <rPr>
        <sz val="8"/>
        <rFont val="ＭＳ Ｐゴシック"/>
        <family val="3"/>
        <charset val="128"/>
      </rPr>
      <t>（予定）日</t>
    </r>
    <rPh sb="0" eb="2">
      <t>ジッシ</t>
    </rPh>
    <rPh sb="4" eb="6">
      <t>ヨテイ</t>
    </rPh>
    <rPh sb="7" eb="8">
      <t>ヒ</t>
    </rPh>
    <phoneticPr fontId="3"/>
  </si>
  <si>
    <t>※　グループ別実施か全体実施か、該当するものの横の□を■にすること。</t>
    <rPh sb="6" eb="7">
      <t>ベツ</t>
    </rPh>
    <rPh sb="7" eb="9">
      <t>ジッシ</t>
    </rPh>
    <rPh sb="10" eb="12">
      <t>ゼンタイ</t>
    </rPh>
    <rPh sb="12" eb="14">
      <t>ジッシ</t>
    </rPh>
    <rPh sb="16" eb="18">
      <t>ガイトウ</t>
    </rPh>
    <phoneticPr fontId="3"/>
  </si>
  <si>
    <t xml:space="preserve"> ※　今年度実施済みである場合には、訪問介護員等（登録ヘルパーも含む。）全員分についての氏名・健康診断受診日、
 受診医療機関を記載した書面を作成し添付すること。</t>
    <phoneticPr fontId="3"/>
  </si>
  <si>
    <t>令和</t>
    <phoneticPr fontId="3"/>
  </si>
  <si>
    <t>(3)　サービス提供責任者と訪問介護員等との間の情報伝達及び報告体制を整備している。</t>
    <rPh sb="8" eb="10">
      <t>テイキョウ</t>
    </rPh>
    <rPh sb="10" eb="13">
      <t>セキニンシャ</t>
    </rPh>
    <rPh sb="14" eb="16">
      <t>ホウモン</t>
    </rPh>
    <rPh sb="16" eb="18">
      <t>カイゴ</t>
    </rPh>
    <rPh sb="18" eb="19">
      <t>イン</t>
    </rPh>
    <rPh sb="19" eb="20">
      <t>トウ</t>
    </rPh>
    <rPh sb="22" eb="23">
      <t>アイダ</t>
    </rPh>
    <rPh sb="24" eb="26">
      <t>ジョウホウ</t>
    </rPh>
    <rPh sb="26" eb="28">
      <t>デンタツ</t>
    </rPh>
    <rPh sb="28" eb="29">
      <t>オヨ</t>
    </rPh>
    <rPh sb="30" eb="32">
      <t>ホウコク</t>
    </rPh>
    <rPh sb="32" eb="34">
      <t>タイセイ</t>
    </rPh>
    <rPh sb="35" eb="37">
      <t>セイビ</t>
    </rPh>
    <phoneticPr fontId="3"/>
  </si>
  <si>
    <t>(6)　病院等(※）の看護師との連携により24時間連絡できる体制を確保し、かつ、必要に応じて指定訪問介護を行うことができる体制を整備していること。</t>
    <rPh sb="40" eb="42">
      <t>ヒツヨウ</t>
    </rPh>
    <rPh sb="43" eb="44">
      <t>オウ</t>
    </rPh>
    <rPh sb="46" eb="48">
      <t>シテイ</t>
    </rPh>
    <rPh sb="48" eb="50">
      <t>ホウモン</t>
    </rPh>
    <rPh sb="50" eb="52">
      <t>カイゴ</t>
    </rPh>
    <rPh sb="53" eb="54">
      <t>オコナ</t>
    </rPh>
    <rPh sb="61" eb="63">
      <t>タイセイ</t>
    </rPh>
    <rPh sb="64" eb="66">
      <t>セイビ</t>
    </rPh>
    <phoneticPr fontId="3"/>
  </si>
  <si>
    <t>(7)　看取り期における対応方針を定め、利用開始の際に、利用者又はその家族等に対して、当該対応方針の内容を説明し、同意を得ていること。</t>
    <rPh sb="7" eb="8">
      <t>キ</t>
    </rPh>
    <rPh sb="12" eb="14">
      <t>タイオウ</t>
    </rPh>
    <rPh sb="14" eb="16">
      <t>ホウシン</t>
    </rPh>
    <rPh sb="20" eb="22">
      <t>リヨウ</t>
    </rPh>
    <rPh sb="22" eb="24">
      <t>カイシ</t>
    </rPh>
    <rPh sb="39" eb="40">
      <t>タイ</t>
    </rPh>
    <rPh sb="45" eb="47">
      <t>タイオウ</t>
    </rPh>
    <rPh sb="47" eb="49">
      <t>ホウシン</t>
    </rPh>
    <phoneticPr fontId="3"/>
  </si>
  <si>
    <t>(8)　看取りに関する対応方針について、医師、看護職員、介護職員、介護支援専門員その他の職種の者による協議の上、当該事業所における看取りの実績等を踏まえ、適宜、見直しを行う。</t>
    <phoneticPr fontId="3"/>
  </si>
  <si>
    <t>(9) 看取りに関する職員研修を行っている。</t>
    <phoneticPr fontId="3"/>
  </si>
  <si>
    <t>※</t>
    <phoneticPr fontId="3"/>
  </si>
  <si>
    <t>「病院等」は「病院、診療所若しくは指定訪問看護ステーション」を指す。</t>
    <phoneticPr fontId="3"/>
  </si>
  <si>
    <t>　下表の①については必ず記載すること。②・③についてはいずれかを記載することで可。</t>
    <rPh sb="1" eb="3">
      <t>カヒョウ</t>
    </rPh>
    <rPh sb="10" eb="11">
      <t>カナラ</t>
    </rPh>
    <rPh sb="12" eb="14">
      <t>キサイ</t>
    </rPh>
    <rPh sb="32" eb="34">
      <t>キサイ</t>
    </rPh>
    <phoneticPr fontId="3"/>
  </si>
  <si>
    <t>　②指定居宅サービス等基準第５条第２項の規定により配置することとされている常勤のサービス提供責任者が２人以下の事業所であって、同項の規定により配置することとされているサービス提供責任者を常勤により配置し、かつ、同行に規定する基準を上回る数の常勤のサービス提供責任者を１人以上配置していること。</t>
    <rPh sb="2" eb="4">
      <t>シテイ</t>
    </rPh>
    <rPh sb="4" eb="6">
      <t>キョタク</t>
    </rPh>
    <rPh sb="10" eb="11">
      <t>トウ</t>
    </rPh>
    <rPh sb="11" eb="13">
      <t>キジュン</t>
    </rPh>
    <rPh sb="13" eb="14">
      <t>ダイ</t>
    </rPh>
    <rPh sb="15" eb="16">
      <t>ジョウ</t>
    </rPh>
    <rPh sb="16" eb="17">
      <t>ダイ</t>
    </rPh>
    <rPh sb="18" eb="19">
      <t>コウ</t>
    </rPh>
    <rPh sb="20" eb="22">
      <t>キテイ</t>
    </rPh>
    <rPh sb="25" eb="27">
      <t>ハイチ</t>
    </rPh>
    <rPh sb="37" eb="39">
      <t>ジョウキン</t>
    </rPh>
    <rPh sb="44" eb="46">
      <t>テイキョウ</t>
    </rPh>
    <rPh sb="46" eb="49">
      <t>セキニンシャ</t>
    </rPh>
    <rPh sb="51" eb="52">
      <t>ニン</t>
    </rPh>
    <rPh sb="52" eb="54">
      <t>イカ</t>
    </rPh>
    <rPh sb="55" eb="58">
      <t>ジギョウショ</t>
    </rPh>
    <phoneticPr fontId="3"/>
  </si>
  <si>
    <t>(3)勤続年数要件について</t>
    <rPh sb="2" eb="3">
      <t>キンゾク</t>
    </rPh>
    <rPh sb="3" eb="5">
      <t>ネンスウ</t>
    </rPh>
    <rPh sb="7" eb="9">
      <t>ヨウケン</t>
    </rPh>
    <phoneticPr fontId="3"/>
  </si>
  <si>
    <t>　訪問介護員等の総数（常勤換算）</t>
    <rPh sb="1" eb="3">
      <t>ホウモン</t>
    </rPh>
    <rPh sb="3" eb="5">
      <t>カイゴ</t>
    </rPh>
    <rPh sb="5" eb="6">
      <t>イン</t>
    </rPh>
    <rPh sb="6" eb="7">
      <t>トウ</t>
    </rPh>
    <rPh sb="8" eb="10">
      <t>ソウスウ</t>
    </rPh>
    <rPh sb="11" eb="13">
      <t>ジョウキン</t>
    </rPh>
    <rPh sb="13" eb="15">
      <t>カンサン</t>
    </rPh>
    <phoneticPr fontId="3"/>
  </si>
  <si>
    <t>　①のうち勤続年数７年以上の者の総数　（常勤換算）</t>
    <rPh sb="5" eb="7">
      <t>キンゾク</t>
    </rPh>
    <rPh sb="7" eb="9">
      <t>ネンスウ</t>
    </rPh>
    <rPh sb="10" eb="13">
      <t>ネンイジョウ</t>
    </rPh>
    <rPh sb="14" eb="15">
      <t>シャ</t>
    </rPh>
    <rPh sb="16" eb="18">
      <t>ソウスウ</t>
    </rPh>
    <rPh sb="20" eb="22">
      <t>ジョウキン</t>
    </rPh>
    <rPh sb="22" eb="24">
      <t>カンサン</t>
    </rPh>
    <phoneticPr fontId="3"/>
  </si>
  <si>
    <t>①に占める②の
割合が30％以上</t>
    <rPh sb="2" eb="3">
      <t>シ</t>
    </rPh>
    <rPh sb="8" eb="10">
      <t>ワリアイ</t>
    </rPh>
    <rPh sb="14" eb="16">
      <t>イジョウ</t>
    </rPh>
    <phoneticPr fontId="3"/>
  </si>
  <si>
    <t>　</t>
    <phoneticPr fontId="3"/>
  </si>
  <si>
    <t>②　看取り期の利用者への対応実績が１人以上</t>
    <rPh sb="2" eb="4">
      <t>ミト</t>
    </rPh>
    <rPh sb="5" eb="6">
      <t>キ</t>
    </rPh>
    <rPh sb="12" eb="14">
      <t>タイオウ</t>
    </rPh>
    <rPh sb="14" eb="16">
      <t>ジッセキ</t>
    </rPh>
    <phoneticPr fontId="3"/>
  </si>
  <si>
    <t>備考１　各要件を満たす場合については、それぞれ根拠となる（要件を満たすことがわかる）</t>
    <rPh sb="0" eb="2">
      <t>ビコウ</t>
    </rPh>
    <rPh sb="4" eb="5">
      <t>カク</t>
    </rPh>
    <rPh sb="5" eb="7">
      <t>ヨウケン</t>
    </rPh>
    <rPh sb="8" eb="9">
      <t>ミ</t>
    </rPh>
    <rPh sb="11" eb="13">
      <t>バアイ</t>
    </rPh>
    <rPh sb="23" eb="25">
      <t>コンキョ</t>
    </rPh>
    <rPh sb="29" eb="31">
      <t>ヨウケン</t>
    </rPh>
    <rPh sb="32" eb="33">
      <t>ミ</t>
    </rPh>
    <phoneticPr fontId="3"/>
  </si>
  <si>
    <t>※３　・訪問介護介護事業所にあっては、１のうち「介護福祉士」又は「介護福祉士、実務者研修修了者並びに介護職員基礎研修課程修了</t>
    <rPh sb="4" eb="6">
      <t>ホウモン</t>
    </rPh>
    <rPh sb="6" eb="8">
      <t>カイゴ</t>
    </rPh>
    <rPh sb="8" eb="10">
      <t>カイゴ</t>
    </rPh>
    <rPh sb="10" eb="13">
      <t>ジギョウショ</t>
    </rPh>
    <rPh sb="24" eb="26">
      <t>カイゴ</t>
    </rPh>
    <rPh sb="26" eb="29">
      <t>フクシシ</t>
    </rPh>
    <rPh sb="30" eb="31">
      <t>マタ</t>
    </rPh>
    <rPh sb="33" eb="35">
      <t>カイゴ</t>
    </rPh>
    <rPh sb="35" eb="38">
      <t>フクシシ</t>
    </rPh>
    <rPh sb="39" eb="42">
      <t>ジツムシャ</t>
    </rPh>
    <rPh sb="42" eb="44">
      <t>ケンシュウ</t>
    </rPh>
    <rPh sb="44" eb="47">
      <t>シュウリョウシャ</t>
    </rPh>
    <rPh sb="47" eb="48">
      <t>ナラ</t>
    </rPh>
    <rPh sb="50" eb="52">
      <t>カイゴ</t>
    </rPh>
    <rPh sb="52" eb="54">
      <t>ショクイン</t>
    </rPh>
    <rPh sb="54" eb="56">
      <t>キソ</t>
    </rPh>
    <rPh sb="56" eb="58">
      <t>ケンシュウ</t>
    </rPh>
    <rPh sb="58" eb="60">
      <t>カテイ</t>
    </rPh>
    <rPh sb="60" eb="62">
      <t>シュウリョウ</t>
    </rPh>
    <phoneticPr fontId="3"/>
  </si>
  <si>
    <t>　　　　者及び１級課程修了者」について、氏名、資格及び勤務時間数を記入してください。</t>
    <rPh sb="20" eb="22">
      <t>シメイ</t>
    </rPh>
    <rPh sb="23" eb="25">
      <t>シカク</t>
    </rPh>
    <rPh sb="25" eb="26">
      <t>オヨ</t>
    </rPh>
    <rPh sb="27" eb="29">
      <t>キンム</t>
    </rPh>
    <rPh sb="29" eb="31">
      <t>ジカン</t>
    </rPh>
    <rPh sb="31" eb="32">
      <t>スウ</t>
    </rPh>
    <rPh sb="33" eb="35">
      <t>キニュウ</t>
    </rPh>
    <phoneticPr fontId="3"/>
  </si>
  <si>
    <t>　　　・(介護予防)訪問入浴介護事業所にあっては、１のうち「介護福祉士」又は「介護福祉士、実務者研修修了者及び介護職員基礎研修</t>
    <rPh sb="5" eb="7">
      <t>カイゴ</t>
    </rPh>
    <rPh sb="7" eb="9">
      <t>ヨボウ</t>
    </rPh>
    <rPh sb="10" eb="12">
      <t>ホウモン</t>
    </rPh>
    <rPh sb="12" eb="14">
      <t>ニュウヨク</t>
    </rPh>
    <rPh sb="14" eb="16">
      <t>カイゴ</t>
    </rPh>
    <rPh sb="16" eb="19">
      <t>ジギョウショ</t>
    </rPh>
    <rPh sb="30" eb="32">
      <t>カイゴ</t>
    </rPh>
    <rPh sb="32" eb="35">
      <t>フクシシ</t>
    </rPh>
    <rPh sb="36" eb="37">
      <t>マタ</t>
    </rPh>
    <rPh sb="39" eb="41">
      <t>カイゴ</t>
    </rPh>
    <rPh sb="41" eb="44">
      <t>フクシシ</t>
    </rPh>
    <rPh sb="45" eb="50">
      <t>ジツムシャケンシュウ</t>
    </rPh>
    <rPh sb="50" eb="53">
      <t>シュウリョウシャ</t>
    </rPh>
    <rPh sb="53" eb="54">
      <t>オヨ</t>
    </rPh>
    <rPh sb="55" eb="57">
      <t>カイゴ</t>
    </rPh>
    <rPh sb="57" eb="59">
      <t>ショクイン</t>
    </rPh>
    <rPh sb="59" eb="61">
      <t>キソ</t>
    </rPh>
    <rPh sb="61" eb="63">
      <t>ケンシュウ</t>
    </rPh>
    <phoneticPr fontId="3"/>
  </si>
  <si>
    <t>　　　　課程修了者」について、氏名、資格及び勤務時間数を記入してください。</t>
    <rPh sb="15" eb="17">
      <t>シメイ</t>
    </rPh>
    <rPh sb="18" eb="20">
      <t>シカク</t>
    </rPh>
    <rPh sb="20" eb="21">
      <t>オヨ</t>
    </rPh>
    <rPh sb="22" eb="24">
      <t>キンム</t>
    </rPh>
    <rPh sb="24" eb="26">
      <t>ジカン</t>
    </rPh>
    <rPh sb="26" eb="27">
      <t>スウ</t>
    </rPh>
    <rPh sb="28" eb="30">
      <t>キニュウ</t>
    </rPh>
    <phoneticPr fontId="3"/>
  </si>
  <si>
    <t>職員の割合の割合の計算は、次の取扱いによるものとする。</t>
    <rPh sb="0" eb="2">
      <t>ショクイン</t>
    </rPh>
    <rPh sb="3" eb="5">
      <t>ワリアイ</t>
    </rPh>
    <rPh sb="6" eb="8">
      <t>ワリアイ</t>
    </rPh>
    <rPh sb="9" eb="11">
      <t>ケイサン</t>
    </rPh>
    <rPh sb="13" eb="14">
      <t>ツギ</t>
    </rPh>
    <rPh sb="15" eb="17">
      <t>トリアツカ</t>
    </rPh>
    <phoneticPr fontId="3"/>
  </si>
  <si>
    <r>
      <t>※ 留意事項通知・・・「当該利用者に関する情報やサービス提供に当たっての留意事項」とは、少なくとも、次に掲げる事項について、その変化の動向を含め、記載しなければならない。①利用者のＡＤＬや意欲②利用者の主な訴えやサービス提供時の特段の要望③家族を含む環境④前回のサービス提供時の状況⑤その他サービス提供に当たって必要な事項
　なお、「前回のサービス提供時の状況」を除く事項については、変更があった場合に記載することで足りるものとし、一日のうち、同一の訪問介護員が同一の利用者に複数回訪問する場合であって、利用者の体調の急変等、特段の事情がないときは、当該利用者に係る文書等の指示及びサービス提供後の報告を省略することも差し支えないものとする。
　また、サービス提供責任者が事業所に不在時のサービス提供に係る文書等による指示及びサービス提供後の報告については、サービス提供責任者が事前に一括指示を行い、適宜事後に報告を受けることも差し支えないものとする。この場合、前回のサービス提供時の状況等については、訪問介護員間での引き継ぎを行う等、適切な対応を図るとともに、利用者の体調の急変等の際の対応のためサービス提供責任者との連絡体制を適切に確保すること。
   「文書等の確実な方法」とは、直接面接しながら文書を手交する方法のほか、ＦＡＸ、メール等によることも可能である。
　また、</t>
    </r>
    <r>
      <rPr>
        <u/>
        <sz val="7"/>
        <rFont val="ＭＳ Ｐゴシック"/>
        <family val="3"/>
        <charset val="128"/>
      </rPr>
      <t>訪問介護員等から適宜受けるサービス提供後の報告内容について、サービス提供責任者は、文書にて記録を保存しなければならない。</t>
    </r>
    <rPh sb="2" eb="4">
      <t>リュウイ</t>
    </rPh>
    <rPh sb="4" eb="6">
      <t>ジコウ</t>
    </rPh>
    <rPh sb="6" eb="8">
      <t>ツウチ</t>
    </rPh>
    <rPh sb="12" eb="14">
      <t>トウガイ</t>
    </rPh>
    <rPh sb="14" eb="17">
      <t>リヨウシャ</t>
    </rPh>
    <rPh sb="18" eb="19">
      <t>カン</t>
    </rPh>
    <rPh sb="21" eb="23">
      <t>ジョウホウ</t>
    </rPh>
    <rPh sb="28" eb="30">
      <t>テイキョウ</t>
    </rPh>
    <rPh sb="31" eb="32">
      <t>ア</t>
    </rPh>
    <rPh sb="36" eb="38">
      <t>リュウイ</t>
    </rPh>
    <rPh sb="38" eb="40">
      <t>ジコウ</t>
    </rPh>
    <rPh sb="44" eb="45">
      <t>スク</t>
    </rPh>
    <rPh sb="50" eb="51">
      <t>ツギ</t>
    </rPh>
    <rPh sb="52" eb="53">
      <t>カカ</t>
    </rPh>
    <rPh sb="55" eb="57">
      <t>ジコウ</t>
    </rPh>
    <rPh sb="64" eb="66">
      <t>ヘンカ</t>
    </rPh>
    <rPh sb="67" eb="69">
      <t>ドウコウ</t>
    </rPh>
    <rPh sb="70" eb="71">
      <t>フク</t>
    </rPh>
    <rPh sb="73" eb="75">
      <t>キサイ</t>
    </rPh>
    <rPh sb="86" eb="89">
      <t>リヨウシャ</t>
    </rPh>
    <rPh sb="94" eb="96">
      <t>イヨク</t>
    </rPh>
    <rPh sb="97" eb="100">
      <t>リヨウシャ</t>
    </rPh>
    <rPh sb="101" eb="102">
      <t>オモ</t>
    </rPh>
    <rPh sb="103" eb="104">
      <t>ウッタ</t>
    </rPh>
    <rPh sb="110" eb="112">
      <t>テイキョウ</t>
    </rPh>
    <rPh sb="112" eb="113">
      <t>ジ</t>
    </rPh>
    <rPh sb="114" eb="116">
      <t>トクダン</t>
    </rPh>
    <rPh sb="117" eb="119">
      <t>ヨウボウ</t>
    </rPh>
    <rPh sb="120" eb="122">
      <t>カゾク</t>
    </rPh>
    <rPh sb="123" eb="124">
      <t>フク</t>
    </rPh>
    <rPh sb="125" eb="127">
      <t>カンキョウ</t>
    </rPh>
    <rPh sb="128" eb="130">
      <t>ゼンカイ</t>
    </rPh>
    <rPh sb="135" eb="137">
      <t>テイキョウ</t>
    </rPh>
    <rPh sb="137" eb="138">
      <t>ジ</t>
    </rPh>
    <rPh sb="139" eb="141">
      <t>ジョウキョウ</t>
    </rPh>
    <rPh sb="144" eb="145">
      <t>タ</t>
    </rPh>
    <rPh sb="149" eb="151">
      <t>テイキョウ</t>
    </rPh>
    <rPh sb="152" eb="153">
      <t>ア</t>
    </rPh>
    <rPh sb="156" eb="158">
      <t>ヒツヨウ</t>
    </rPh>
    <rPh sb="159" eb="161">
      <t>ジコウ</t>
    </rPh>
    <rPh sb="167" eb="169">
      <t>ゼンカイ</t>
    </rPh>
    <rPh sb="174" eb="176">
      <t>テイキョウ</t>
    </rPh>
    <rPh sb="176" eb="177">
      <t>ジ</t>
    </rPh>
    <rPh sb="178" eb="180">
      <t>ジョウキョウ</t>
    </rPh>
    <rPh sb="182" eb="183">
      <t>ノゾ</t>
    </rPh>
    <rPh sb="184" eb="186">
      <t>ジコウ</t>
    </rPh>
    <rPh sb="192" eb="194">
      <t>ヘンコウ</t>
    </rPh>
    <rPh sb="198" eb="200">
      <t>バアイ</t>
    </rPh>
    <rPh sb="201" eb="203">
      <t>キサイ</t>
    </rPh>
    <rPh sb="208" eb="209">
      <t>タ</t>
    </rPh>
    <rPh sb="216" eb="218">
      <t>イチニチ</t>
    </rPh>
    <rPh sb="222" eb="224">
      <t>ドウイツ</t>
    </rPh>
    <rPh sb="225" eb="227">
      <t>ホウモン</t>
    </rPh>
    <rPh sb="227" eb="230">
      <t>カイゴイン</t>
    </rPh>
    <rPh sb="231" eb="233">
      <t>ドウイツ</t>
    </rPh>
    <rPh sb="234" eb="237">
      <t>リヨウシャ</t>
    </rPh>
    <rPh sb="238" eb="241">
      <t>フクスウカイ</t>
    </rPh>
    <rPh sb="241" eb="243">
      <t>ホウモン</t>
    </rPh>
    <rPh sb="245" eb="247">
      <t>バアイ</t>
    </rPh>
    <rPh sb="252" eb="255">
      <t>リヨウシャ</t>
    </rPh>
    <rPh sb="256" eb="258">
      <t>タイチョウ</t>
    </rPh>
    <rPh sb="259" eb="261">
      <t>キュウヘン</t>
    </rPh>
    <rPh sb="261" eb="262">
      <t>トウ</t>
    </rPh>
    <rPh sb="263" eb="265">
      <t>トクダン</t>
    </rPh>
    <rPh sb="266" eb="268">
      <t>ジジョウ</t>
    </rPh>
    <rPh sb="275" eb="277">
      <t>トウガイ</t>
    </rPh>
    <rPh sb="277" eb="280">
      <t>リヨウシャ</t>
    </rPh>
    <rPh sb="281" eb="282">
      <t>カカ</t>
    </rPh>
    <rPh sb="283" eb="285">
      <t>ブンショ</t>
    </rPh>
    <rPh sb="285" eb="286">
      <t>トウ</t>
    </rPh>
    <rPh sb="287" eb="289">
      <t>シジ</t>
    </rPh>
    <rPh sb="289" eb="290">
      <t>オヨ</t>
    </rPh>
    <rPh sb="295" eb="297">
      <t>テイキョウ</t>
    </rPh>
    <rPh sb="297" eb="298">
      <t>ゴ</t>
    </rPh>
    <rPh sb="299" eb="301">
      <t>ホウコク</t>
    </rPh>
    <rPh sb="302" eb="304">
      <t>ショウリャク</t>
    </rPh>
    <rPh sb="309" eb="310">
      <t>サ</t>
    </rPh>
    <rPh sb="311" eb="312">
      <t>ツカ</t>
    </rPh>
    <rPh sb="330" eb="332">
      <t>テイキョウ</t>
    </rPh>
    <rPh sb="332" eb="335">
      <t>セキニンシャ</t>
    </rPh>
    <rPh sb="336" eb="339">
      <t>ジギョウショ</t>
    </rPh>
    <rPh sb="340" eb="343">
      <t>フザイジ</t>
    </rPh>
    <rPh sb="348" eb="350">
      <t>テイキョウ</t>
    </rPh>
    <rPh sb="351" eb="352">
      <t>カカ</t>
    </rPh>
    <rPh sb="353" eb="355">
      <t>ブンショ</t>
    </rPh>
    <rPh sb="355" eb="356">
      <t>トウ</t>
    </rPh>
    <rPh sb="359" eb="361">
      <t>シジ</t>
    </rPh>
    <rPh sb="361" eb="362">
      <t>オヨ</t>
    </rPh>
    <rPh sb="367" eb="369">
      <t>テイキョウ</t>
    </rPh>
    <rPh sb="369" eb="370">
      <t>ゴ</t>
    </rPh>
    <rPh sb="371" eb="373">
      <t>ホウコク</t>
    </rPh>
    <rPh sb="383" eb="385">
      <t>テイキョウ</t>
    </rPh>
    <rPh sb="385" eb="388">
      <t>セキニンシャ</t>
    </rPh>
    <rPh sb="389" eb="391">
      <t>ジゼン</t>
    </rPh>
    <rPh sb="392" eb="394">
      <t>イッカツ</t>
    </rPh>
    <rPh sb="394" eb="396">
      <t>シジ</t>
    </rPh>
    <rPh sb="397" eb="398">
      <t>オコナ</t>
    </rPh>
    <rPh sb="400" eb="402">
      <t>テキギ</t>
    </rPh>
    <rPh sb="402" eb="404">
      <t>ジゴ</t>
    </rPh>
    <rPh sb="405" eb="407">
      <t>ホウコク</t>
    </rPh>
    <rPh sb="408" eb="409">
      <t>ウ</t>
    </rPh>
    <rPh sb="414" eb="415">
      <t>サ</t>
    </rPh>
    <rPh sb="416" eb="417">
      <t>ツカ</t>
    </rPh>
    <rPh sb="428" eb="430">
      <t>バアイ</t>
    </rPh>
    <rPh sb="431" eb="433">
      <t>ゼンカイ</t>
    </rPh>
    <rPh sb="438" eb="440">
      <t>テイキョウ</t>
    </rPh>
    <rPh sb="440" eb="441">
      <t>ジ</t>
    </rPh>
    <rPh sb="442" eb="444">
      <t>ジョウキョウ</t>
    </rPh>
    <rPh sb="444" eb="445">
      <t>トウ</t>
    </rPh>
    <rPh sb="451" eb="453">
      <t>ホウモン</t>
    </rPh>
    <rPh sb="453" eb="456">
      <t>カイゴイン</t>
    </rPh>
    <rPh sb="456" eb="457">
      <t>アイダ</t>
    </rPh>
    <rPh sb="459" eb="460">
      <t>ヒ</t>
    </rPh>
    <rPh sb="461" eb="462">
      <t>ツ</t>
    </rPh>
    <rPh sb="464" eb="465">
      <t>オコナ</t>
    </rPh>
    <rPh sb="466" eb="467">
      <t>トウ</t>
    </rPh>
    <rPh sb="468" eb="470">
      <t>テキセツ</t>
    </rPh>
    <rPh sb="471" eb="473">
      <t>タイオウ</t>
    </rPh>
    <rPh sb="474" eb="475">
      <t>ハカ</t>
    </rPh>
    <rPh sb="481" eb="484">
      <t>リヨウシャ</t>
    </rPh>
    <rPh sb="485" eb="487">
      <t>タイチョウ</t>
    </rPh>
    <rPh sb="488" eb="490">
      <t>キュウヘン</t>
    </rPh>
    <rPh sb="490" eb="491">
      <t>トウ</t>
    </rPh>
    <rPh sb="492" eb="493">
      <t>サイ</t>
    </rPh>
    <rPh sb="494" eb="496">
      <t>タイオウ</t>
    </rPh>
    <rPh sb="503" eb="505">
      <t>テイキョウ</t>
    </rPh>
    <rPh sb="505" eb="508">
      <t>セキニンシャ</t>
    </rPh>
    <rPh sb="510" eb="512">
      <t>レンラク</t>
    </rPh>
    <rPh sb="512" eb="514">
      <t>タイセイ</t>
    </rPh>
    <rPh sb="515" eb="517">
      <t>テキセツ</t>
    </rPh>
    <rPh sb="518" eb="520">
      <t>カクホ</t>
    </rPh>
    <rPh sb="530" eb="532">
      <t>ブンショ</t>
    </rPh>
    <rPh sb="532" eb="533">
      <t>トウ</t>
    </rPh>
    <rPh sb="534" eb="536">
      <t>カクジツ</t>
    </rPh>
    <rPh sb="537" eb="539">
      <t>ホウホウ</t>
    </rPh>
    <rPh sb="543" eb="545">
      <t>チョクセツ</t>
    </rPh>
    <rPh sb="545" eb="547">
      <t>メンセツ</t>
    </rPh>
    <rPh sb="551" eb="553">
      <t>ブンショ</t>
    </rPh>
    <rPh sb="554" eb="556">
      <t>シュコウ</t>
    </rPh>
    <rPh sb="558" eb="560">
      <t>ホウホウ</t>
    </rPh>
    <rPh sb="571" eb="572">
      <t>トウ</t>
    </rPh>
    <rPh sb="578" eb="580">
      <t>カノウ</t>
    </rPh>
    <rPh sb="589" eb="591">
      <t>ホウモン</t>
    </rPh>
    <rPh sb="591" eb="593">
      <t>カイゴ</t>
    </rPh>
    <rPh sb="593" eb="594">
      <t>イン</t>
    </rPh>
    <rPh sb="594" eb="595">
      <t>トウ</t>
    </rPh>
    <rPh sb="597" eb="599">
      <t>テキギ</t>
    </rPh>
    <rPh sb="599" eb="600">
      <t>ウ</t>
    </rPh>
    <rPh sb="606" eb="608">
      <t>テイキョウ</t>
    </rPh>
    <rPh sb="608" eb="609">
      <t>ゴ</t>
    </rPh>
    <rPh sb="610" eb="612">
      <t>ホウコク</t>
    </rPh>
    <rPh sb="612" eb="613">
      <t>ナイ</t>
    </rPh>
    <rPh sb="613" eb="614">
      <t>ヨウ</t>
    </rPh>
    <rPh sb="623" eb="625">
      <t>テイキョウ</t>
    </rPh>
    <rPh sb="625" eb="628">
      <t>セキニンシャ</t>
    </rPh>
    <rPh sb="630" eb="632">
      <t>ブンショ</t>
    </rPh>
    <rPh sb="634" eb="636">
      <t>キロク</t>
    </rPh>
    <rPh sb="637" eb="639">
      <t>ホゾン</t>
    </rPh>
    <phoneticPr fontId="3"/>
  </si>
  <si>
    <t>（別紙１６－６）</t>
    <phoneticPr fontId="3"/>
  </si>
  <si>
    <t>重度要介護者等対応要件の割合に関する計算書（特定事業所加算（Ⅰ）・（Ⅲ））</t>
    <phoneticPr fontId="3"/>
  </si>
  <si>
    <t>事業所名</t>
    <phoneticPr fontId="3"/>
  </si>
  <si>
    <t>事業所番号</t>
    <phoneticPr fontId="3"/>
  </si>
  <si>
    <t>１．要介護４または要介護５である者、認知症高齢者の日常生活自立度（Ⅲ、Ⅳ、M）である者、たんの吸引等を必要とする者等の割合の算出基準</t>
    <phoneticPr fontId="3"/>
  </si>
  <si>
    <t>利用実人員数</t>
    <phoneticPr fontId="3"/>
  </si>
  <si>
    <t>訪問回数</t>
    <phoneticPr fontId="3"/>
  </si>
  <si>
    <t>２．算定期間</t>
    <phoneticPr fontId="3"/>
  </si>
  <si>
    <t>ア．前年度（３月を除く）の実績の平均</t>
    <phoneticPr fontId="3"/>
  </si>
  <si>
    <t>イ．届出日の属する月の前３月</t>
    <phoneticPr fontId="3"/>
  </si>
  <si>
    <t>ア．前年度（３月を除く）の実績の平均</t>
  </si>
  <si>
    <t>①利用者／訪問回数の総数
（要支援者は含めない）</t>
    <phoneticPr fontId="3"/>
  </si>
  <si>
    <t>②要介護４または要介護５の
利用者数／訪問回数</t>
    <phoneticPr fontId="3"/>
  </si>
  <si>
    <t>③認知症高齢者の日常生活自立度Ⅲ、ⅣまたはMに該当する
利用者数／訪問回数</t>
    <phoneticPr fontId="3"/>
  </si>
  <si>
    <t>④喀痰吸引等を必要とする
利用者数／訪問回数</t>
    <phoneticPr fontId="3"/>
  </si>
  <si>
    <t>人/回</t>
    <phoneticPr fontId="3"/>
  </si>
  <si>
    <t>合計</t>
    <phoneticPr fontId="3"/>
  </si>
  <si>
    <t>⑤重度要介護者等数/訪問回数
（②＋③＋④）</t>
    <phoneticPr fontId="3"/>
  </si>
  <si>
    <t>⑥割合
（⑤÷①）</t>
    <phoneticPr fontId="3"/>
  </si>
  <si>
    <t>イ．届出日の属する月の前３月</t>
  </si>
  <si>
    <t>月</t>
  </si>
  <si>
    <t>備考</t>
    <phoneticPr fontId="3"/>
  </si>
  <si>
    <t>・本資料は特定事業所加算（Ⅰ）・（Ⅲ）に係る届出書を補完する資料としてご使用ください。</t>
    <phoneticPr fontId="3"/>
  </si>
  <si>
    <t>・「１．要介護４または要介護５である者、認知症高齢者の日常生活自立度（Ⅲ、Ⅳ、M）である者、たんの吸引等を必要とする者等の割合の算出基準」で、</t>
    <phoneticPr fontId="3"/>
  </si>
  <si>
    <t>　「利用実人員数」または「訪問回数」のいずれかを選択してください。</t>
    <phoneticPr fontId="3"/>
  </si>
  <si>
    <t>・「２．算定期間」でアまたはイの算定期間を選択してください。</t>
    <phoneticPr fontId="3"/>
  </si>
  <si>
    <t>　前年度の実績が６月に満たない事業所（新たに事業を開始し、又は再開した事業所）　については、前年度の実績（ア）による届出はできません。</t>
    <phoneticPr fontId="3"/>
  </si>
  <si>
    <t>・具体的な計算方法については、「平成２４年度介護報酬改定に関するＱ＆Ａ(Vol.1)（平成24年3月16日）」問15をご参照ください。</t>
    <phoneticPr fontId="3"/>
  </si>
  <si>
    <t>(別紙１９－５－１）</t>
    <rPh sb="1" eb="3">
      <t>ベッシ</t>
    </rPh>
    <phoneticPr fontId="3"/>
  </si>
  <si>
    <t>特定事業所加算・サービス提供体制強化加算に関する確認書</t>
    <rPh sb="0" eb="5">
      <t>トクテイジギョウショ</t>
    </rPh>
    <rPh sb="5" eb="7">
      <t>カサン</t>
    </rPh>
    <rPh sb="12" eb="14">
      <t>テイキョウ</t>
    </rPh>
    <rPh sb="14" eb="16">
      <t>タイセイ</t>
    </rPh>
    <rPh sb="16" eb="18">
      <t>キョウカ</t>
    </rPh>
    <rPh sb="18" eb="20">
      <t>カサン</t>
    </rPh>
    <rPh sb="21" eb="22">
      <t>カン</t>
    </rPh>
    <rPh sb="24" eb="27">
      <t>カクニンショ</t>
    </rPh>
    <phoneticPr fontId="3"/>
  </si>
  <si>
    <t>〈居宅サービス、介護予防サービス（（介護予防）訪問ﾘﾊﾋﾞﾘﾃｰｼｮﾝ、（介護予防）短期入所生活介護、（介護予防）短期入所療養介護を除く）〉</t>
    <rPh sb="1" eb="3">
      <t>キョタク</t>
    </rPh>
    <rPh sb="8" eb="10">
      <t>カイゴ</t>
    </rPh>
    <rPh sb="10" eb="12">
      <t>ヨボウ</t>
    </rPh>
    <rPh sb="18" eb="20">
      <t>カイゴ</t>
    </rPh>
    <rPh sb="20" eb="22">
      <t>ヨボウ</t>
    </rPh>
    <rPh sb="23" eb="25">
      <t>ホウモン</t>
    </rPh>
    <rPh sb="37" eb="39">
      <t>カイゴ</t>
    </rPh>
    <rPh sb="39" eb="41">
      <t>ヨボウ</t>
    </rPh>
    <rPh sb="42" eb="44">
      <t>タンキ</t>
    </rPh>
    <rPh sb="44" eb="46">
      <t>ニュウショ</t>
    </rPh>
    <rPh sb="46" eb="48">
      <t>セイカツ</t>
    </rPh>
    <rPh sb="48" eb="50">
      <t>カイゴ</t>
    </rPh>
    <rPh sb="52" eb="54">
      <t>カイゴ</t>
    </rPh>
    <rPh sb="54" eb="56">
      <t>ヨボウ</t>
    </rPh>
    <rPh sb="57" eb="59">
      <t>タンキ</t>
    </rPh>
    <rPh sb="59" eb="61">
      <t>ニュウショ</t>
    </rPh>
    <rPh sb="61" eb="63">
      <t>リョウヨウ</t>
    </rPh>
    <rPh sb="63" eb="65">
      <t>カイゴ</t>
    </rPh>
    <rPh sb="66" eb="67">
      <t>ノゾ</t>
    </rPh>
    <phoneticPr fontId="3"/>
  </si>
  <si>
    <t>１　サービスを直接提供する職員(※1)の常勤換算数</t>
    <rPh sb="7" eb="9">
      <t>チョクセツ</t>
    </rPh>
    <rPh sb="9" eb="11">
      <t>テイキョウ</t>
    </rPh>
    <rPh sb="13" eb="15">
      <t>ショクイン</t>
    </rPh>
    <rPh sb="20" eb="22">
      <t>ジョウキン</t>
    </rPh>
    <rPh sb="22" eb="24">
      <t>カンサン</t>
    </rPh>
    <rPh sb="24" eb="25">
      <t>スウ</t>
    </rPh>
    <phoneticPr fontId="3"/>
  </si>
  <si>
    <t>※１　(介護予防)訪問看護事業所にあっては、保健師、看護師、准看護師、理学療法士、作業療法士又は言語聴覚士について記入してください。</t>
    <rPh sb="4" eb="6">
      <t>カイゴ</t>
    </rPh>
    <rPh sb="6" eb="8">
      <t>ヨボウ</t>
    </rPh>
    <rPh sb="9" eb="11">
      <t>ホウモン</t>
    </rPh>
    <rPh sb="11" eb="13">
      <t>カンゴ</t>
    </rPh>
    <rPh sb="13" eb="16">
      <t>ジギョウショ</t>
    </rPh>
    <rPh sb="22" eb="25">
      <t>ホケンシ</t>
    </rPh>
    <rPh sb="26" eb="28">
      <t>カンゴ</t>
    </rPh>
    <rPh sb="28" eb="29">
      <t>シ</t>
    </rPh>
    <rPh sb="30" eb="34">
      <t>ジュンカンゴシ</t>
    </rPh>
    <rPh sb="35" eb="37">
      <t>リガク</t>
    </rPh>
    <rPh sb="37" eb="40">
      <t>リョウホウシ</t>
    </rPh>
    <rPh sb="41" eb="43">
      <t>サギョウ</t>
    </rPh>
    <rPh sb="43" eb="46">
      <t>リョウホウシ</t>
    </rPh>
    <rPh sb="46" eb="47">
      <t>マタ</t>
    </rPh>
    <rPh sb="48" eb="50">
      <t>ゲンゴ</t>
    </rPh>
    <rPh sb="50" eb="53">
      <t>チョウカクシ</t>
    </rPh>
    <rPh sb="57" eb="59">
      <t>キニュウ</t>
    </rPh>
    <phoneticPr fontId="3"/>
  </si>
  <si>
    <t>　　　通所介護事業所にあっては、生活相談員、看護職員、介護職員又は機能訓練指導員について記入してください。</t>
    <rPh sb="3" eb="5">
      <t>ツウショ</t>
    </rPh>
    <rPh sb="5" eb="7">
      <t>カイゴ</t>
    </rPh>
    <rPh sb="7" eb="10">
      <t>ジギョウショ</t>
    </rPh>
    <rPh sb="16" eb="18">
      <t>セイカツ</t>
    </rPh>
    <rPh sb="18" eb="21">
      <t>ソウダンイン</t>
    </rPh>
    <rPh sb="22" eb="24">
      <t>カンゴ</t>
    </rPh>
    <rPh sb="24" eb="26">
      <t>ショクイン</t>
    </rPh>
    <rPh sb="27" eb="29">
      <t>カイゴ</t>
    </rPh>
    <rPh sb="29" eb="31">
      <t>ショクイン</t>
    </rPh>
    <rPh sb="31" eb="32">
      <t>マタ</t>
    </rPh>
    <rPh sb="33" eb="35">
      <t>キノウ</t>
    </rPh>
    <rPh sb="35" eb="37">
      <t>クンレン</t>
    </rPh>
    <rPh sb="37" eb="40">
      <t>シドウイン</t>
    </rPh>
    <rPh sb="44" eb="46">
      <t>キニュウ</t>
    </rPh>
    <phoneticPr fontId="3"/>
  </si>
  <si>
    <t>　　　（介護予防）通所リハビリテーション事業所にあっては、理学療法士、作業療法士、言語聴覚士、看護職員又は介護職員について記入してください。</t>
    <rPh sb="4" eb="6">
      <t>カイゴ</t>
    </rPh>
    <rPh sb="6" eb="8">
      <t>ヨボウ</t>
    </rPh>
    <rPh sb="9" eb="11">
      <t>ツウショ</t>
    </rPh>
    <rPh sb="20" eb="23">
      <t>ジギョウショ</t>
    </rPh>
    <rPh sb="29" eb="31">
      <t>リガク</t>
    </rPh>
    <rPh sb="31" eb="34">
      <t>リョウホウシ</t>
    </rPh>
    <rPh sb="35" eb="37">
      <t>サギョウ</t>
    </rPh>
    <rPh sb="37" eb="40">
      <t>リョウホウシ</t>
    </rPh>
    <rPh sb="41" eb="43">
      <t>ゲンゴ</t>
    </rPh>
    <rPh sb="43" eb="46">
      <t>チョウカクシ</t>
    </rPh>
    <rPh sb="47" eb="49">
      <t>カンゴ</t>
    </rPh>
    <rPh sb="49" eb="51">
      <t>ショクイン</t>
    </rPh>
    <rPh sb="51" eb="52">
      <t>マタ</t>
    </rPh>
    <rPh sb="53" eb="55">
      <t>カイゴ</t>
    </rPh>
    <rPh sb="55" eb="57">
      <t>ショクイン</t>
    </rPh>
    <rPh sb="61" eb="63">
      <t>キニュウ</t>
    </rPh>
    <phoneticPr fontId="3"/>
  </si>
  <si>
    <r>
      <t>２　１に掲げる職員（※１）のうち</t>
    </r>
    <r>
      <rPr>
        <sz val="11"/>
        <rFont val="ＭＳ Ｐゴシック"/>
        <family val="3"/>
        <charset val="128"/>
      </rPr>
      <t>加算の要件を満たす勤続年数以上（※３）の者の氏名、常勤換算数等</t>
    </r>
    <rPh sb="4" eb="5">
      <t>カカ</t>
    </rPh>
    <rPh sb="7" eb="9">
      <t>ショクイン</t>
    </rPh>
    <rPh sb="16" eb="18">
      <t>カサン</t>
    </rPh>
    <rPh sb="19" eb="21">
      <t>ヨウケン</t>
    </rPh>
    <rPh sb="22" eb="23">
      <t>ミ</t>
    </rPh>
    <rPh sb="25" eb="27">
      <t>キンゾク</t>
    </rPh>
    <rPh sb="27" eb="29">
      <t>ネンスウ</t>
    </rPh>
    <rPh sb="29" eb="31">
      <t>イジョウ</t>
    </rPh>
    <rPh sb="36" eb="37">
      <t>モノ</t>
    </rPh>
    <rPh sb="38" eb="40">
      <t>シメイ</t>
    </rPh>
    <rPh sb="41" eb="43">
      <t>ジョウキン</t>
    </rPh>
    <rPh sb="43" eb="45">
      <t>カンサン</t>
    </rPh>
    <rPh sb="45" eb="46">
      <t>スウ</t>
    </rPh>
    <rPh sb="46" eb="47">
      <t>トウ</t>
    </rPh>
    <phoneticPr fontId="3"/>
  </si>
  <si>
    <t>氏　　　名</t>
    <rPh sb="0" eb="1">
      <t>シ</t>
    </rPh>
    <rPh sb="4" eb="5">
      <t>メイ</t>
    </rPh>
    <phoneticPr fontId="3"/>
  </si>
  <si>
    <r>
      <t>職　種
※</t>
    </r>
    <r>
      <rPr>
        <sz val="11"/>
        <rFont val="ＭＳ Ｐゴシック"/>
        <family val="3"/>
        <charset val="128"/>
      </rPr>
      <t>４</t>
    </r>
    <rPh sb="0" eb="1">
      <t>ショク</t>
    </rPh>
    <rPh sb="2" eb="3">
      <t>タネ</t>
    </rPh>
    <phoneticPr fontId="3"/>
  </si>
  <si>
    <t>勤務期間</t>
    <rPh sb="0" eb="2">
      <t>キンム</t>
    </rPh>
    <rPh sb="2" eb="4">
      <t>キカン</t>
    </rPh>
    <phoneticPr fontId="3"/>
  </si>
  <si>
    <r>
      <t>備　考
※</t>
    </r>
    <r>
      <rPr>
        <sz val="11"/>
        <rFont val="ＭＳ Ｐゴシック"/>
        <family val="3"/>
        <charset val="128"/>
      </rPr>
      <t>５</t>
    </r>
    <rPh sb="0" eb="1">
      <t>ソノオ</t>
    </rPh>
    <rPh sb="2" eb="3">
      <t>コウ</t>
    </rPh>
    <phoneticPr fontId="3"/>
  </si>
  <si>
    <t>　　　　　　～</t>
    <phoneticPr fontId="3"/>
  </si>
  <si>
    <t>※３  ・勤続年数とは、各月の前月の末日時点における勤続年数のことを指します。</t>
    <rPh sb="34" eb="35">
      <t>サ</t>
    </rPh>
    <phoneticPr fontId="3"/>
  </si>
  <si>
    <t>　   　　勤続年数の算定に当たっては、当該事業所における勤務年数に加え、同一法人等の経営する他の介護サービス事業所、病院、社会福祉施設等</t>
    <phoneticPr fontId="3"/>
  </si>
  <si>
    <t>　　 　  においてサービスを利用者に直接提供する職員として勤務した年数を含めることができます。</t>
    <phoneticPr fontId="3"/>
  </si>
  <si>
    <t>　　 　・(介護予防)訪問入浴事業所にあっては、加算（Ⅰ）を算定する場合、勤続年数10年以上の者について記入し、加算（Ⅱ）を算定する場合は、</t>
    <rPh sb="6" eb="8">
      <t>カイゴ</t>
    </rPh>
    <rPh sb="8" eb="10">
      <t>ヨボウ</t>
    </rPh>
    <rPh sb="11" eb="13">
      <t>ホウモン</t>
    </rPh>
    <rPh sb="13" eb="15">
      <t>ニュウヨク</t>
    </rPh>
    <rPh sb="15" eb="18">
      <t>ジギョウショ</t>
    </rPh>
    <rPh sb="24" eb="26">
      <t>カサン</t>
    </rPh>
    <rPh sb="30" eb="32">
      <t>サンテイ</t>
    </rPh>
    <rPh sb="34" eb="36">
      <t>バアイ</t>
    </rPh>
    <rPh sb="37" eb="39">
      <t>キンゾク</t>
    </rPh>
    <rPh sb="39" eb="41">
      <t>ネンスウ</t>
    </rPh>
    <rPh sb="43" eb="44">
      <t>ネン</t>
    </rPh>
    <rPh sb="44" eb="46">
      <t>イジョウ</t>
    </rPh>
    <rPh sb="47" eb="48">
      <t>シャ</t>
    </rPh>
    <rPh sb="52" eb="54">
      <t>キニュウ</t>
    </rPh>
    <rPh sb="56" eb="58">
      <t>カサン</t>
    </rPh>
    <rPh sb="62" eb="64">
      <t>サンテイ</t>
    </rPh>
    <rPh sb="66" eb="68">
      <t>バアイ</t>
    </rPh>
    <phoneticPr fontId="3"/>
  </si>
  <si>
    <t>　　　　　勤続年数７年以上の者について記入してください。</t>
    <rPh sb="14" eb="15">
      <t>シャ</t>
    </rPh>
    <rPh sb="19" eb="21">
      <t>キニュウ</t>
    </rPh>
    <phoneticPr fontId="3"/>
  </si>
  <si>
    <t>　　 　・(介護予防)訪問看護事業所にあっては、加算（Ⅰ）を算定する場合、勤続年数７年以上の者について記入し、加算（Ⅱ）を算定する場合は、</t>
    <rPh sb="6" eb="8">
      <t>カイゴ</t>
    </rPh>
    <rPh sb="8" eb="10">
      <t>ヨボウ</t>
    </rPh>
    <rPh sb="11" eb="13">
      <t>ホウモン</t>
    </rPh>
    <rPh sb="13" eb="15">
      <t>カンゴ</t>
    </rPh>
    <rPh sb="15" eb="18">
      <t>ジギョウショ</t>
    </rPh>
    <rPh sb="24" eb="26">
      <t>カサン</t>
    </rPh>
    <rPh sb="30" eb="32">
      <t>サンテイ</t>
    </rPh>
    <rPh sb="34" eb="36">
      <t>バアイ</t>
    </rPh>
    <rPh sb="37" eb="39">
      <t>キンゾク</t>
    </rPh>
    <rPh sb="39" eb="41">
      <t>ネンスウ</t>
    </rPh>
    <rPh sb="42" eb="43">
      <t>ネン</t>
    </rPh>
    <rPh sb="43" eb="45">
      <t>イジョウ</t>
    </rPh>
    <rPh sb="46" eb="47">
      <t>シャ</t>
    </rPh>
    <rPh sb="51" eb="53">
      <t>キニュウ</t>
    </rPh>
    <rPh sb="55" eb="57">
      <t>カサン</t>
    </rPh>
    <rPh sb="61" eb="63">
      <t>サンテイ</t>
    </rPh>
    <rPh sb="65" eb="67">
      <t>バアイ</t>
    </rPh>
    <phoneticPr fontId="3"/>
  </si>
  <si>
    <t>　　　　　勤続年数３年以上の者について記入してください。</t>
    <rPh sb="14" eb="15">
      <t>シャ</t>
    </rPh>
    <rPh sb="19" eb="21">
      <t>キニュウ</t>
    </rPh>
    <phoneticPr fontId="3"/>
  </si>
  <si>
    <r>
      <t>　　 　・訪問介護事業所、（介護予防）訪問入浴介護事業所、通所介護事業及び(介護予防)通所リハビリテーション事業所にあっては、</t>
    </r>
    <r>
      <rPr>
        <sz val="11"/>
        <color indexed="10"/>
        <rFont val="ＭＳ Ｐゴシック"/>
        <family val="3"/>
        <charset val="128"/>
      </rPr>
      <t/>
    </r>
    <rPh sb="5" eb="7">
      <t>ホウモン</t>
    </rPh>
    <rPh sb="7" eb="9">
      <t>カイゴ</t>
    </rPh>
    <rPh sb="9" eb="12">
      <t>ジギョウショ</t>
    </rPh>
    <rPh sb="14" eb="16">
      <t>カイゴ</t>
    </rPh>
    <rPh sb="16" eb="18">
      <t>ヨボウ</t>
    </rPh>
    <rPh sb="19" eb="21">
      <t>ホウモン</t>
    </rPh>
    <rPh sb="21" eb="23">
      <t>ニュウヨク</t>
    </rPh>
    <rPh sb="23" eb="25">
      <t>カイゴ</t>
    </rPh>
    <rPh sb="25" eb="28">
      <t>ジギョウショ</t>
    </rPh>
    <rPh sb="29" eb="31">
      <t>ツウショ</t>
    </rPh>
    <rPh sb="31" eb="33">
      <t>カイゴ</t>
    </rPh>
    <rPh sb="33" eb="35">
      <t>ジギョウ</t>
    </rPh>
    <rPh sb="35" eb="36">
      <t>オヨ</t>
    </rPh>
    <rPh sb="38" eb="40">
      <t>カイゴ</t>
    </rPh>
    <rPh sb="40" eb="42">
      <t>ヨボウ</t>
    </rPh>
    <rPh sb="43" eb="45">
      <t>ツウショ</t>
    </rPh>
    <rPh sb="54" eb="57">
      <t>ジギョウショ</t>
    </rPh>
    <phoneticPr fontId="3"/>
  </si>
  <si>
    <r>
      <t>　　　 　１のうち勤続年数７年以上の者の氏名、職種及び勤務期間及び勤務</t>
    </r>
    <r>
      <rPr>
        <sz val="11"/>
        <rFont val="ＭＳ Ｐゴシック"/>
        <family val="3"/>
        <charset val="128"/>
      </rPr>
      <t>時間数を記入してください。</t>
    </r>
    <rPh sb="35" eb="37">
      <t>ジカン</t>
    </rPh>
    <rPh sb="37" eb="38">
      <t>カズ</t>
    </rPh>
    <rPh sb="39" eb="41">
      <t>キニュウ</t>
    </rPh>
    <phoneticPr fontId="3"/>
  </si>
  <si>
    <r>
      <t>※</t>
    </r>
    <r>
      <rPr>
        <sz val="11"/>
        <rFont val="ＭＳ Ｐゴシック"/>
        <family val="3"/>
        <charset val="128"/>
      </rPr>
      <t>４　※１の職種を記入してください。</t>
    </r>
    <rPh sb="6" eb="8">
      <t>ショクシュ</t>
    </rPh>
    <rPh sb="9" eb="11">
      <t>キニュウ</t>
    </rPh>
    <phoneticPr fontId="3"/>
  </si>
  <si>
    <r>
      <t>※</t>
    </r>
    <r>
      <rPr>
        <sz val="11"/>
        <rFont val="ＭＳ Ｐゴシック"/>
        <family val="3"/>
        <charset val="128"/>
      </rPr>
      <t>５　備考欄には兼務がある場合の職種、兼務先等を記入してください。</t>
    </r>
    <rPh sb="3" eb="6">
      <t>ビコウラン</t>
    </rPh>
    <rPh sb="8" eb="10">
      <t>ケンム</t>
    </rPh>
    <rPh sb="13" eb="15">
      <t>バアイ</t>
    </rPh>
    <rPh sb="16" eb="18">
      <t>ショクシュ</t>
    </rPh>
    <rPh sb="19" eb="21">
      <t>ケンム</t>
    </rPh>
    <rPh sb="21" eb="22">
      <t>サキ</t>
    </rPh>
    <rPh sb="22" eb="23">
      <t>トウ</t>
    </rPh>
    <rPh sb="24" eb="26">
      <t>キニュウ</t>
    </rPh>
    <phoneticPr fontId="3"/>
  </si>
  <si>
    <r>
      <t>※</t>
    </r>
    <r>
      <rPr>
        <sz val="11"/>
        <rFont val="ＭＳ Ｐゴシック"/>
        <family val="3"/>
        <charset val="128"/>
      </rPr>
      <t>６　</t>
    </r>
    <r>
      <rPr>
        <u/>
        <sz val="11"/>
        <rFont val="ＭＳ Ｐゴシック"/>
        <family val="3"/>
        <charset val="128"/>
      </rPr>
      <t>職員１人の暦月の勤務時間数は、「常勤職員が暦月に勤務すべき時間数　※２」を超えないでください。</t>
    </r>
    <rPh sb="3" eb="5">
      <t>ショクイン</t>
    </rPh>
    <rPh sb="6" eb="7">
      <t>ニン</t>
    </rPh>
    <rPh sb="8" eb="9">
      <t>レキ</t>
    </rPh>
    <rPh sb="9" eb="10">
      <t>ゲツ</t>
    </rPh>
    <rPh sb="11" eb="13">
      <t>キンム</t>
    </rPh>
    <rPh sb="13" eb="15">
      <t>ジカン</t>
    </rPh>
    <rPh sb="15" eb="16">
      <t>スウ</t>
    </rPh>
    <rPh sb="19" eb="21">
      <t>ジョウキン</t>
    </rPh>
    <rPh sb="21" eb="23">
      <t>ショクイン</t>
    </rPh>
    <rPh sb="24" eb="25">
      <t>レキ</t>
    </rPh>
    <rPh sb="25" eb="26">
      <t>ゲツ</t>
    </rPh>
    <rPh sb="27" eb="29">
      <t>キンム</t>
    </rPh>
    <rPh sb="32" eb="35">
      <t>ジカンスウ</t>
    </rPh>
    <rPh sb="40" eb="41">
      <t>コ</t>
    </rPh>
    <phoneticPr fontId="3"/>
  </si>
  <si>
    <r>
      <t>※</t>
    </r>
    <r>
      <rPr>
        <sz val="11"/>
        <rFont val="ＭＳ Ｐゴシック"/>
        <family val="3"/>
        <charset val="128"/>
      </rPr>
      <t>７　常勤専従の職員の勤務時間数については、休暇等の期間が暦月で１月を超えるものでない限り、※２の勤務時間数により算定してください。</t>
    </r>
    <rPh sb="3" eb="5">
      <t>ジョウキン</t>
    </rPh>
    <rPh sb="5" eb="7">
      <t>センジュウ</t>
    </rPh>
    <rPh sb="8" eb="10">
      <t>ショクイン</t>
    </rPh>
    <rPh sb="11" eb="13">
      <t>キンム</t>
    </rPh>
    <rPh sb="13" eb="16">
      <t>ジカンスウ</t>
    </rPh>
    <rPh sb="22" eb="24">
      <t>キュウカ</t>
    </rPh>
    <rPh sb="24" eb="25">
      <t>トウ</t>
    </rPh>
    <rPh sb="26" eb="28">
      <t>キカン</t>
    </rPh>
    <rPh sb="29" eb="30">
      <t>レキ</t>
    </rPh>
    <rPh sb="30" eb="31">
      <t>ゲツ</t>
    </rPh>
    <rPh sb="33" eb="34">
      <t>ツキ</t>
    </rPh>
    <rPh sb="35" eb="36">
      <t>コ</t>
    </rPh>
    <rPh sb="43" eb="44">
      <t>カギ</t>
    </rPh>
    <rPh sb="49" eb="51">
      <t>キンム</t>
    </rPh>
    <rPh sb="51" eb="54">
      <t>ジカンスウ</t>
    </rPh>
    <rPh sb="57" eb="59">
      <t>サンテイ</t>
    </rPh>
    <phoneticPr fontId="3"/>
  </si>
  <si>
    <r>
      <t>※</t>
    </r>
    <r>
      <rPr>
        <sz val="11"/>
        <rFont val="ＭＳ Ｐゴシック"/>
        <family val="3"/>
        <charset val="128"/>
      </rPr>
      <t>８　他事業所の職種との兼務や事業所の他の職種との兼務がある場合、当該兼務に係る勤務時間数は除いてください。</t>
    </r>
    <rPh sb="3" eb="6">
      <t>タジギョウ</t>
    </rPh>
    <rPh sb="6" eb="7">
      <t>ショ</t>
    </rPh>
    <rPh sb="8" eb="10">
      <t>ショクシュ</t>
    </rPh>
    <rPh sb="12" eb="14">
      <t>ケンム</t>
    </rPh>
    <rPh sb="15" eb="18">
      <t>ジギョウショ</t>
    </rPh>
    <rPh sb="19" eb="20">
      <t>タ</t>
    </rPh>
    <rPh sb="21" eb="23">
      <t>ショクシュ</t>
    </rPh>
    <rPh sb="25" eb="27">
      <t>ケンム</t>
    </rPh>
    <rPh sb="30" eb="32">
      <t>バアイ</t>
    </rPh>
    <rPh sb="33" eb="35">
      <t>トウガイ</t>
    </rPh>
    <rPh sb="35" eb="37">
      <t>ケンム</t>
    </rPh>
    <rPh sb="38" eb="39">
      <t>カカ</t>
    </rPh>
    <rPh sb="40" eb="42">
      <t>キンム</t>
    </rPh>
    <rPh sb="42" eb="44">
      <t>ジカン</t>
    </rPh>
    <rPh sb="44" eb="45">
      <t>カズ</t>
    </rPh>
    <rPh sb="46" eb="47">
      <t>ノゾ</t>
    </rPh>
    <phoneticPr fontId="3"/>
  </si>
  <si>
    <t>※９　非常勤職員については、暦月に（※１）の職員として勤務した時間数により算定してください。</t>
    <rPh sb="3" eb="6">
      <t>ヒジョウキン</t>
    </rPh>
    <rPh sb="6" eb="8">
      <t>ショクイン</t>
    </rPh>
    <rPh sb="14" eb="15">
      <t>レキ</t>
    </rPh>
    <rPh sb="15" eb="16">
      <t>ヅキ</t>
    </rPh>
    <rPh sb="16" eb="17">
      <t>トウゲツ</t>
    </rPh>
    <rPh sb="22" eb="24">
      <t>ショクイン</t>
    </rPh>
    <rPh sb="27" eb="29">
      <t>キンム</t>
    </rPh>
    <rPh sb="31" eb="34">
      <t>ジカンスウ</t>
    </rPh>
    <rPh sb="37" eb="39">
      <t>サンテイ</t>
    </rPh>
    <phoneticPr fontId="3"/>
  </si>
  <si>
    <t>　　 　・訪問介護事業所、通所介護事業及び(介護予防)通所リハビリテーション事業所にあっては、１のうち勤続年数７年以上の者の氏名、職種</t>
    <rPh sb="5" eb="7">
      <t>ホウモン</t>
    </rPh>
    <rPh sb="7" eb="9">
      <t>カイゴ</t>
    </rPh>
    <rPh sb="9" eb="12">
      <t>ジギョウショ</t>
    </rPh>
    <rPh sb="13" eb="15">
      <t>ツウショ</t>
    </rPh>
    <rPh sb="15" eb="17">
      <t>カイゴ</t>
    </rPh>
    <rPh sb="17" eb="19">
      <t>ジギョウ</t>
    </rPh>
    <rPh sb="19" eb="20">
      <t>オヨ</t>
    </rPh>
    <rPh sb="22" eb="24">
      <t>カイゴ</t>
    </rPh>
    <rPh sb="24" eb="26">
      <t>ヨボウ</t>
    </rPh>
    <rPh sb="27" eb="29">
      <t>ツウショ</t>
    </rPh>
    <rPh sb="38" eb="41">
      <t>ジギョウショ</t>
    </rPh>
    <phoneticPr fontId="3"/>
  </si>
  <si>
    <t>　　　 　及び勤務期間及び勤務時間数を記入してください。</t>
    <rPh sb="15" eb="17">
      <t>ジカン</t>
    </rPh>
    <rPh sb="17" eb="18">
      <t>カズ</t>
    </rPh>
    <rPh sb="19" eb="21">
      <t>キニュウ</t>
    </rPh>
    <phoneticPr fontId="3"/>
  </si>
  <si>
    <t>(別紙１９－５－２）</t>
    <rPh sb="1" eb="3">
      <t>ベッシ</t>
    </rPh>
    <phoneticPr fontId="3"/>
  </si>
  <si>
    <t>特定事業所加算・サービス提供体制強化加算に関する確認書</t>
    <rPh sb="0" eb="7">
      <t>トクテイジギョウショカサン</t>
    </rPh>
    <rPh sb="12" eb="14">
      <t>テイキョウ</t>
    </rPh>
    <rPh sb="14" eb="16">
      <t>タイセイ</t>
    </rPh>
    <rPh sb="16" eb="18">
      <t>キョウカ</t>
    </rPh>
    <rPh sb="18" eb="20">
      <t>カサン</t>
    </rPh>
    <rPh sb="21" eb="22">
      <t>カン</t>
    </rPh>
    <rPh sb="24" eb="27">
      <t>カクニンショ</t>
    </rPh>
    <phoneticPr fontId="3"/>
  </si>
  <si>
    <t>前年度実績が６月に満たない事業所</t>
    <rPh sb="0" eb="3">
      <t>ゼンネンド</t>
    </rPh>
    <rPh sb="3" eb="5">
      <t>ジッセキ</t>
    </rPh>
    <rPh sb="7" eb="8">
      <t>ツキ</t>
    </rPh>
    <rPh sb="9" eb="10">
      <t>ミ</t>
    </rPh>
    <rPh sb="13" eb="16">
      <t>ジギョウショ</t>
    </rPh>
    <phoneticPr fontId="3"/>
  </si>
  <si>
    <t>　月</t>
    <phoneticPr fontId="3"/>
  </si>
  <si>
    <t>訪問介護員等要件</t>
    <rPh sb="0" eb="5">
      <t>ホウモンカイゴイン</t>
    </rPh>
    <rPh sb="5" eb="6">
      <t>ナド</t>
    </rPh>
    <rPh sb="6" eb="8">
      <t>ヨウケン</t>
    </rPh>
    <phoneticPr fontId="3"/>
  </si>
  <si>
    <t>※別紙１９－１－１又は１９－１－２を添付すること。</t>
    <rPh sb="1" eb="3">
      <t>ベッシ</t>
    </rPh>
    <rPh sb="9" eb="10">
      <t>マタ</t>
    </rPh>
    <rPh sb="18" eb="20">
      <t>テンプ</t>
    </rPh>
    <phoneticPr fontId="3"/>
  </si>
  <si>
    <t>(1)　前年度（３月を除く）又は届出月前３ヶ月の月あたりの平均による訪問介護員の状況</t>
    <rPh sb="4" eb="7">
      <t>ゼンネンド</t>
    </rPh>
    <rPh sb="9" eb="10">
      <t>ガツ</t>
    </rPh>
    <rPh sb="11" eb="12">
      <t>ノゾ</t>
    </rPh>
    <rPh sb="14" eb="15">
      <t>マタ</t>
    </rPh>
    <rPh sb="16" eb="18">
      <t>トドケデ</t>
    </rPh>
    <rPh sb="18" eb="19">
      <t>ツキ</t>
    </rPh>
    <rPh sb="19" eb="20">
      <t>マエ</t>
    </rPh>
    <rPh sb="22" eb="23">
      <t>ゲツ</t>
    </rPh>
    <rPh sb="24" eb="25">
      <t>ツキ</t>
    </rPh>
    <rPh sb="29" eb="30">
      <t>タイラ</t>
    </rPh>
    <rPh sb="30" eb="31">
      <t>タモツ</t>
    </rPh>
    <rPh sb="34" eb="36">
      <t>ホウモン</t>
    </rPh>
    <rPh sb="36" eb="38">
      <t>カイゴ</t>
    </rPh>
    <rPh sb="38" eb="39">
      <t>イン</t>
    </rPh>
    <rPh sb="40" eb="42">
      <t>ジョウキョウ</t>
    </rPh>
    <phoneticPr fontId="3"/>
  </si>
  <si>
    <t>(2)　サービス提供責任者要件</t>
    <rPh sb="8" eb="10">
      <t>テイキョウ</t>
    </rPh>
    <rPh sb="10" eb="13">
      <t>セキニンシャ</t>
    </rPh>
    <rPh sb="13" eb="15">
      <t>ヨウケン</t>
    </rPh>
    <phoneticPr fontId="3"/>
  </si>
  <si>
    <t>(3)　勤続年数要件</t>
    <rPh sb="4" eb="6">
      <t>キンゾク</t>
    </rPh>
    <rPh sb="6" eb="8">
      <t>ネンスウ</t>
    </rPh>
    <rPh sb="8" eb="10">
      <t>ヨウケン</t>
    </rPh>
    <phoneticPr fontId="3"/>
  </si>
  <si>
    <t>※別紙１９－５－１又は１９－５－２を添付すること。</t>
    <rPh sb="1" eb="3">
      <t>ベッシ</t>
    </rPh>
    <rPh sb="9" eb="10">
      <t>マタ</t>
    </rPh>
    <rPh sb="18" eb="20">
      <t>テンプ</t>
    </rPh>
    <phoneticPr fontId="3"/>
  </si>
  <si>
    <t>※すべてのサービス提供責任者について記載し、介護福祉士登録証、修了証の写しを添付すること。</t>
    <rPh sb="9" eb="11">
      <t>テイキョウ</t>
    </rPh>
    <rPh sb="11" eb="13">
      <t>セキニン</t>
    </rPh>
    <rPh sb="13" eb="14">
      <t>シャ</t>
    </rPh>
    <rPh sb="18" eb="20">
      <t>キサイ</t>
    </rPh>
    <phoneticPr fontId="3"/>
  </si>
  <si>
    <t>※実務経験証明書（別紙１６－４）を添付すること。※加算Ⅰ・Ⅱの場合</t>
    <rPh sb="1" eb="3">
      <t>ジツム</t>
    </rPh>
    <rPh sb="3" eb="5">
      <t>ケイケン</t>
    </rPh>
    <rPh sb="5" eb="8">
      <t>ショウメイショ</t>
    </rPh>
    <rPh sb="9" eb="11">
      <t>ベッシ</t>
    </rPh>
    <rPh sb="17" eb="19">
      <t>テンプ</t>
    </rPh>
    <rPh sb="25" eb="27">
      <t>カサン</t>
    </rPh>
    <rPh sb="31" eb="33">
      <t>バアイ</t>
    </rPh>
    <phoneticPr fontId="3"/>
  </si>
  <si>
    <t>　※加算により要件の選択が異なるので、別紙１６－１届出書の２人材要件の※の記載をよく確認すること。</t>
    <rPh sb="2" eb="4">
      <t>カサン</t>
    </rPh>
    <rPh sb="7" eb="9">
      <t>ヨウケン</t>
    </rPh>
    <rPh sb="10" eb="12">
      <t>センタク</t>
    </rPh>
    <rPh sb="13" eb="14">
      <t>コト</t>
    </rPh>
    <rPh sb="19" eb="21">
      <t>ベッシ</t>
    </rPh>
    <rPh sb="25" eb="28">
      <t>トドケデショ</t>
    </rPh>
    <rPh sb="30" eb="34">
      <t>ジンザイヨウケン</t>
    </rPh>
    <rPh sb="37" eb="39">
      <t>キサイ</t>
    </rPh>
    <phoneticPr fontId="3"/>
  </si>
  <si>
    <t>　　</t>
    <phoneticPr fontId="3"/>
  </si>
  <si>
    <t>イ　前年度の実績が６月に満たない事業所（新たに事業を開始し、又は再開した事業所を含む）については、前年度の実績による加算の届出はできない。
ロ　前３ヶ月の実績により届出を行った事業所は、届出を行った月以降においても直近３ヶ月職員、毎月継続的に所定の割合を維持しなければならない。またその割合については毎月ごとに記録するものとし、所定の割合を下回った場合については、直ちに届出を提出しなければならない。</t>
    <rPh sb="2" eb="5">
      <t>ゼンネンド</t>
    </rPh>
    <rPh sb="6" eb="8">
      <t>ジッセキ</t>
    </rPh>
    <rPh sb="10" eb="11">
      <t>ツキ</t>
    </rPh>
    <rPh sb="12" eb="13">
      <t>ミ</t>
    </rPh>
    <rPh sb="16" eb="19">
      <t>ジギョウショ</t>
    </rPh>
    <rPh sb="20" eb="21">
      <t>アラ</t>
    </rPh>
    <rPh sb="23" eb="25">
      <t>ジギョウ</t>
    </rPh>
    <rPh sb="26" eb="28">
      <t>カイシ</t>
    </rPh>
    <rPh sb="30" eb="31">
      <t>マタ</t>
    </rPh>
    <rPh sb="32" eb="34">
      <t>サイカイ</t>
    </rPh>
    <rPh sb="36" eb="39">
      <t>ジギョウショ</t>
    </rPh>
    <rPh sb="40" eb="41">
      <t>フク</t>
    </rPh>
    <rPh sb="72" eb="73">
      <t>マエ</t>
    </rPh>
    <rPh sb="75" eb="76">
      <t>ゲツ</t>
    </rPh>
    <rPh sb="77" eb="79">
      <t>ジッセキ</t>
    </rPh>
    <rPh sb="82" eb="84">
      <t>トドケデ</t>
    </rPh>
    <rPh sb="85" eb="86">
      <t>オコナ</t>
    </rPh>
    <rPh sb="88" eb="91">
      <t>ジギョウショ</t>
    </rPh>
    <rPh sb="93" eb="95">
      <t>トドケデ</t>
    </rPh>
    <rPh sb="96" eb="97">
      <t>オコナ</t>
    </rPh>
    <rPh sb="99" eb="100">
      <t>ツキ</t>
    </rPh>
    <rPh sb="100" eb="102">
      <t>イコウ</t>
    </rPh>
    <rPh sb="107" eb="109">
      <t>チョッキン</t>
    </rPh>
    <rPh sb="111" eb="112">
      <t>ゲツ</t>
    </rPh>
    <rPh sb="112" eb="114">
      <t>ショクイン</t>
    </rPh>
    <rPh sb="115" eb="117">
      <t>マイツキ</t>
    </rPh>
    <rPh sb="117" eb="120">
      <t>ケイゾクテキ</t>
    </rPh>
    <rPh sb="121" eb="123">
      <t>ショテイ</t>
    </rPh>
    <rPh sb="124" eb="126">
      <t>ワリアイ</t>
    </rPh>
    <rPh sb="127" eb="129">
      <t>イジ</t>
    </rPh>
    <rPh sb="143" eb="145">
      <t>ワリアイ</t>
    </rPh>
    <rPh sb="150" eb="152">
      <t>マイツキ</t>
    </rPh>
    <rPh sb="155" eb="157">
      <t>キロク</t>
    </rPh>
    <rPh sb="164" eb="166">
      <t>ショテイ</t>
    </rPh>
    <rPh sb="167" eb="169">
      <t>ワリアイ</t>
    </rPh>
    <rPh sb="170" eb="172">
      <t>シタマワ</t>
    </rPh>
    <rPh sb="174" eb="176">
      <t>バアイ</t>
    </rPh>
    <rPh sb="182" eb="183">
      <t>タダ</t>
    </rPh>
    <rPh sb="185" eb="187">
      <t>トドケデ</t>
    </rPh>
    <rPh sb="188" eb="190">
      <t>テイシュツ</t>
    </rPh>
    <phoneticPr fontId="3"/>
  </si>
  <si>
    <t>（「看取り期における対応方針」を添付）</t>
    <phoneticPr fontId="3"/>
  </si>
  <si>
    <t>サービス提供責任者氏名</t>
    <phoneticPr fontId="3"/>
  </si>
  <si>
    <t>サービス提供責任者要件</t>
    <rPh sb="4" eb="6">
      <t>テイキョウ</t>
    </rPh>
    <rPh sb="6" eb="9">
      <t>セキニンシャ</t>
    </rPh>
    <rPh sb="9" eb="11">
      <t>ヨウケン</t>
    </rPh>
    <phoneticPr fontId="3"/>
  </si>
  <si>
    <r>
      <t xml:space="preserve">１．体制要件（特定事業所加算（Ⅰ）～（Ⅳ）共通）
</t>
    </r>
    <r>
      <rPr>
        <sz val="10"/>
        <rFont val="HGSｺﾞｼｯｸM"/>
        <family val="3"/>
        <charset val="128"/>
      </rPr>
      <t>※特定事業所加算（Ⅰ）又は（Ⅲ）を取得する場合であって、「３．重度要介護者等対応要件」②を選択する場合は、(6)～(9)を記載すること。</t>
    </r>
    <rPh sb="2" eb="3">
      <t>カラダ</t>
    </rPh>
    <rPh sb="3" eb="4">
      <t>セイ</t>
    </rPh>
    <rPh sb="4" eb="5">
      <t>ヨウ</t>
    </rPh>
    <rPh sb="5" eb="6">
      <t>ケン</t>
    </rPh>
    <rPh sb="7" eb="9">
      <t>トクテイ</t>
    </rPh>
    <rPh sb="9" eb="11">
      <t>ジギョウ</t>
    </rPh>
    <rPh sb="11" eb="12">
      <t>ショ</t>
    </rPh>
    <rPh sb="12" eb="14">
      <t>カサン</t>
    </rPh>
    <rPh sb="21" eb="23">
      <t>キョウツウ</t>
    </rPh>
    <rPh sb="26" eb="28">
      <t>トクテイ</t>
    </rPh>
    <rPh sb="28" eb="31">
      <t>ジギョウショ</t>
    </rPh>
    <rPh sb="31" eb="33">
      <t>カサン</t>
    </rPh>
    <rPh sb="36" eb="37">
      <t>マタ</t>
    </rPh>
    <rPh sb="42" eb="44">
      <t>シュトク</t>
    </rPh>
    <rPh sb="46" eb="48">
      <t>バアイ</t>
    </rPh>
    <phoneticPr fontId="3"/>
  </si>
  <si>
    <t>(1)　個別の訪問介護員等・サービス提供責任者に係る研修計画を策定し、当該計画に従い、研修を実施している又は実施することが予定されている。</t>
    <rPh sb="4" eb="6">
      <t>コベツ</t>
    </rPh>
    <rPh sb="7" eb="9">
      <t>ホウモン</t>
    </rPh>
    <rPh sb="9" eb="11">
      <t>カイゴ</t>
    </rPh>
    <rPh sb="11" eb="12">
      <t>イン</t>
    </rPh>
    <rPh sb="12" eb="13">
      <t>トウ</t>
    </rPh>
    <rPh sb="18" eb="20">
      <t>テイキョウ</t>
    </rPh>
    <rPh sb="20" eb="23">
      <t>セキニンシャ</t>
    </rPh>
    <rPh sb="24" eb="25">
      <t>カカ</t>
    </rPh>
    <rPh sb="26" eb="28">
      <t>ケンシュウ</t>
    </rPh>
    <rPh sb="28" eb="30">
      <t>ケイカク</t>
    </rPh>
    <rPh sb="31" eb="33">
      <t>サクテイ</t>
    </rPh>
    <rPh sb="35" eb="37">
      <t>トウガイ</t>
    </rPh>
    <rPh sb="37" eb="39">
      <t>ケイカク</t>
    </rPh>
    <rPh sb="40" eb="41">
      <t>シタガ</t>
    </rPh>
    <rPh sb="43" eb="45">
      <t>ケンシュウ</t>
    </rPh>
    <phoneticPr fontId="3"/>
  </si>
  <si>
    <r>
      <t xml:space="preserve">２．人材要件（特定事業所加算（Ⅰ）～（Ⅳ）共通）
</t>
    </r>
    <r>
      <rPr>
        <sz val="10"/>
        <rFont val="HGSｺﾞｼｯｸM"/>
        <family val="3"/>
        <charset val="128"/>
      </rPr>
      <t>※特定事業所加算（Ⅰ）を取得する場合は(1)及び(2)①、（Ⅱ）を取得する場合は、(1)または(2)①、（Ⅲ）又は（Ⅳ）を取得する場合は、(2)②または(3)を記載すること。</t>
    </r>
    <rPh sb="2" eb="4">
      <t>ジンザイ</t>
    </rPh>
    <rPh sb="4" eb="5">
      <t>ヨウ</t>
    </rPh>
    <rPh sb="5" eb="6">
      <t>ケン</t>
    </rPh>
    <rPh sb="7" eb="9">
      <t>トクテイ</t>
    </rPh>
    <rPh sb="9" eb="11">
      <t>ジギョウ</t>
    </rPh>
    <rPh sb="11" eb="12">
      <t>ショ</t>
    </rPh>
    <rPh sb="12" eb="14">
      <t>カサン</t>
    </rPh>
    <rPh sb="21" eb="23">
      <t>キョウツウ</t>
    </rPh>
    <rPh sb="26" eb="28">
      <t>トクテイ</t>
    </rPh>
    <rPh sb="28" eb="31">
      <t>ジギョウショ</t>
    </rPh>
    <rPh sb="31" eb="33">
      <t>カサン</t>
    </rPh>
    <rPh sb="37" eb="39">
      <t>シュトク</t>
    </rPh>
    <rPh sb="41" eb="43">
      <t>バアイ</t>
    </rPh>
    <rPh sb="47" eb="48">
      <t>オヨ</t>
    </rPh>
    <rPh sb="58" eb="60">
      <t>シュトク</t>
    </rPh>
    <rPh sb="62" eb="64">
      <t>バアイ</t>
    </rPh>
    <rPh sb="80" eb="81">
      <t>マタ</t>
    </rPh>
    <rPh sb="86" eb="88">
      <t>シュトク</t>
    </rPh>
    <rPh sb="90" eb="92">
      <t>バアイ</t>
    </rPh>
    <rPh sb="105" eb="107">
      <t>キサイ</t>
    </rPh>
    <phoneticPr fontId="3"/>
  </si>
  <si>
    <t>　①すべてが3年以上の介護業務の実務経験を有する介護福祉士又は5年以上の実務経験を有する実務者研修修了者若しくは介護職員基礎研修課程修了者若しくは1級課程修了者である。（なお、指定居宅サービス等第５条２項により1人を超えるサービス提供責任者を配置することとされている事業所においては、常勤のサービス提供責任者を配置していること。）</t>
    <rPh sb="7" eb="8">
      <t>ネン</t>
    </rPh>
    <rPh sb="8" eb="10">
      <t>イジョウ</t>
    </rPh>
    <rPh sb="11" eb="13">
      <t>カイゴ</t>
    </rPh>
    <rPh sb="13" eb="15">
      <t>ギョウム</t>
    </rPh>
    <rPh sb="16" eb="18">
      <t>ジツム</t>
    </rPh>
    <rPh sb="18" eb="20">
      <t>ケイケン</t>
    </rPh>
    <rPh sb="21" eb="22">
      <t>ユウ</t>
    </rPh>
    <rPh sb="24" eb="26">
      <t>カイゴ</t>
    </rPh>
    <rPh sb="26" eb="29">
      <t>フクシシ</t>
    </rPh>
    <rPh sb="29" eb="30">
      <t>マタ</t>
    </rPh>
    <rPh sb="32" eb="33">
      <t>ネン</t>
    </rPh>
    <rPh sb="33" eb="35">
      <t>イジョウ</t>
    </rPh>
    <rPh sb="88" eb="90">
      <t>シテイ</t>
    </rPh>
    <rPh sb="90" eb="92">
      <t>キョタク</t>
    </rPh>
    <rPh sb="96" eb="97">
      <t>トウ</t>
    </rPh>
    <rPh sb="97" eb="98">
      <t>ダイ</t>
    </rPh>
    <rPh sb="99" eb="100">
      <t>ジョウ</t>
    </rPh>
    <rPh sb="101" eb="102">
      <t>コウ</t>
    </rPh>
    <rPh sb="106" eb="107">
      <t>ニン</t>
    </rPh>
    <rPh sb="108" eb="109">
      <t>コ</t>
    </rPh>
    <rPh sb="115" eb="117">
      <t>テイキョウ</t>
    </rPh>
    <rPh sb="117" eb="120">
      <t>セキニンシャ</t>
    </rPh>
    <rPh sb="121" eb="123">
      <t>ハイチ</t>
    </rPh>
    <rPh sb="133" eb="136">
      <t>ジギョウショ</t>
    </rPh>
    <rPh sb="142" eb="144">
      <t>ジョウキン</t>
    </rPh>
    <rPh sb="149" eb="151">
      <t>テイキョウ</t>
    </rPh>
    <rPh sb="151" eb="154">
      <t>セキニンシャ</t>
    </rPh>
    <rPh sb="155" eb="157">
      <t>ハイチ</t>
    </rPh>
    <phoneticPr fontId="3"/>
  </si>
  <si>
    <r>
      <t xml:space="preserve">３． 重度要介護者等対応要件（特定事業所加算（Ⅰ）・（Ⅲ））
</t>
    </r>
    <r>
      <rPr>
        <sz val="10"/>
        <rFont val="HGSｺﾞｼｯｸM"/>
        <family val="3"/>
        <charset val="128"/>
      </rPr>
      <t>※①または②のいずれか満たすものを記載すること。</t>
    </r>
    <rPh sb="3" eb="4">
      <t>シゲル</t>
    </rPh>
    <rPh sb="4" eb="5">
      <t>ド</t>
    </rPh>
    <rPh sb="5" eb="6">
      <t>ヨウ</t>
    </rPh>
    <rPh sb="6" eb="7">
      <t>スケ</t>
    </rPh>
    <rPh sb="7" eb="8">
      <t>マモル</t>
    </rPh>
    <rPh sb="8" eb="9">
      <t>モノ</t>
    </rPh>
    <rPh sb="9" eb="10">
      <t>トウ</t>
    </rPh>
    <rPh sb="10" eb="11">
      <t>タイ</t>
    </rPh>
    <rPh sb="11" eb="12">
      <t>オウ</t>
    </rPh>
    <rPh sb="12" eb="13">
      <t>ヨウ</t>
    </rPh>
    <rPh sb="13" eb="14">
      <t>ケン</t>
    </rPh>
    <rPh sb="15" eb="17">
      <t>トクテイ</t>
    </rPh>
    <rPh sb="17" eb="20">
      <t>ジギョウショ</t>
    </rPh>
    <rPh sb="20" eb="22">
      <t>カサン</t>
    </rPh>
    <rPh sb="42" eb="43">
      <t>ミ</t>
    </rPh>
    <rPh sb="48" eb="50">
      <t>キサイ</t>
    </rPh>
    <phoneticPr fontId="3"/>
  </si>
  <si>
    <t>①　利用者の総数のうち、要介護４及び要介護５である者、認知症日常生活自立度ランクⅢ、Ⅳ又はＭである者並びにたんの吸引等が必要な者が占める割合が20％以上（別紙１６－６を添付）</t>
    <rPh sb="2" eb="5">
      <t>リヨウシャ</t>
    </rPh>
    <rPh sb="6" eb="8">
      <t>ソウスウ</t>
    </rPh>
    <rPh sb="12" eb="15">
      <t>ヨウカイゴ</t>
    </rPh>
    <rPh sb="16" eb="17">
      <t>オヨ</t>
    </rPh>
    <rPh sb="18" eb="21">
      <t>ヨウカイゴ</t>
    </rPh>
    <rPh sb="25" eb="26">
      <t>シャ</t>
    </rPh>
    <rPh sb="27" eb="29">
      <t>ニンチ</t>
    </rPh>
    <rPh sb="29" eb="30">
      <t>ショウ</t>
    </rPh>
    <rPh sb="30" eb="32">
      <t>ニチジョウ</t>
    </rPh>
    <rPh sb="32" eb="34">
      <t>セイカツ</t>
    </rPh>
    <rPh sb="34" eb="37">
      <t>ジリツド</t>
    </rPh>
    <rPh sb="77" eb="79">
      <t>ベッシ</t>
    </rPh>
    <rPh sb="84" eb="86">
      <t>テンプ</t>
    </rPh>
    <phoneticPr fontId="3"/>
  </si>
  <si>
    <t>　書類も提出してください。（別紙１６－２～４・６、１９－１－１・２、１９－５－１・２）</t>
    <rPh sb="4" eb="6">
      <t>テイシュツ</t>
    </rPh>
    <rPh sb="14" eb="16">
      <t>ベッシ</t>
    </rPh>
    <phoneticPr fontId="3"/>
  </si>
  <si>
    <r>
      <t>※　当該年度分（加算算定に係る年度分）の</t>
    </r>
    <r>
      <rPr>
        <sz val="11"/>
        <rFont val="ＭＳ Ｐゴシック"/>
        <family val="3"/>
        <charset val="128"/>
      </rPr>
      <t>研修計画書（期間、時期、目標、内容を盛り込んだもの）を添付すること。</t>
    </r>
    <rPh sb="2" eb="4">
      <t>トウガイ</t>
    </rPh>
    <rPh sb="4" eb="6">
      <t>ネンド</t>
    </rPh>
    <rPh sb="6" eb="7">
      <t>ブン</t>
    </rPh>
    <rPh sb="8" eb="10">
      <t>カサン</t>
    </rPh>
    <rPh sb="10" eb="12">
      <t>サンテイ</t>
    </rPh>
    <rPh sb="13" eb="14">
      <t>カカ</t>
    </rPh>
    <rPh sb="15" eb="17">
      <t>ネンド</t>
    </rPh>
    <rPh sb="17" eb="18">
      <t>ブン</t>
    </rPh>
    <rPh sb="20" eb="22">
      <t>ケンシュウ</t>
    </rPh>
    <rPh sb="22" eb="24">
      <t>ケイカク</t>
    </rPh>
    <rPh sb="24" eb="25">
      <t>ショ</t>
    </rPh>
    <rPh sb="47" eb="48">
      <t>ソウ</t>
    </rPh>
    <rPh sb="48" eb="49">
      <t>ヅケ</t>
    </rPh>
    <phoneticPr fontId="3"/>
  </si>
  <si>
    <t xml:space="preserve">　注１）　それぞれの研修において対象者名を明記すること。
  注２）　全てのサービス提供責任者・訪問介護員（登録も含む。）について記載すること。
</t>
    <rPh sb="42" eb="47">
      <t>テイキョウセキニンシャ</t>
    </rPh>
    <phoneticPr fontId="3"/>
  </si>
  <si>
    <t>※　留意事項通知・・・「訪問介護員等ごと及びサービス提供責任者ごとに研修計画の作成」についは、当該事業所におけるサービス従事者の資質向上のための研修内容の全体像と当該研修実施のための勤務体制の確保を定めるとともに、訪問介護員及びサービス提供責任者について個別具体的な研修の目標、内容、研修期間、実施時期等を定めた計画を策定しなければならない。</t>
    <rPh sb="2" eb="4">
      <t>リュウイ</t>
    </rPh>
    <rPh sb="4" eb="6">
      <t>ジコウ</t>
    </rPh>
    <rPh sb="6" eb="8">
      <t>ツウチ</t>
    </rPh>
    <rPh sb="12" eb="14">
      <t>ホウモン</t>
    </rPh>
    <rPh sb="14" eb="16">
      <t>カイゴ</t>
    </rPh>
    <rPh sb="16" eb="17">
      <t>イン</t>
    </rPh>
    <rPh sb="17" eb="18">
      <t>トウ</t>
    </rPh>
    <rPh sb="20" eb="21">
      <t>オヨ</t>
    </rPh>
    <rPh sb="26" eb="31">
      <t>テイキョウセキニンシャ</t>
    </rPh>
    <rPh sb="34" eb="36">
      <t>ケンシュウ</t>
    </rPh>
    <rPh sb="36" eb="38">
      <t>ケイカク</t>
    </rPh>
    <rPh sb="39" eb="41">
      <t>サクセイ</t>
    </rPh>
    <rPh sb="47" eb="49">
      <t>トウガイ</t>
    </rPh>
    <rPh sb="49" eb="52">
      <t>ジギョウショ</t>
    </rPh>
    <rPh sb="60" eb="63">
      <t>ジュウジシャ</t>
    </rPh>
    <rPh sb="64" eb="66">
      <t>シシツ</t>
    </rPh>
    <rPh sb="66" eb="68">
      <t>コウジョウ</t>
    </rPh>
    <rPh sb="72" eb="74">
      <t>ケンシュウ</t>
    </rPh>
    <rPh sb="74" eb="76">
      <t>ナイヨウ</t>
    </rPh>
    <rPh sb="77" eb="80">
      <t>ゼンタイゾウ</t>
    </rPh>
    <rPh sb="81" eb="83">
      <t>トウガイ</t>
    </rPh>
    <rPh sb="83" eb="85">
      <t>ケンシュウ</t>
    </rPh>
    <rPh sb="85" eb="87">
      <t>ジッシ</t>
    </rPh>
    <rPh sb="91" eb="93">
      <t>キンム</t>
    </rPh>
    <rPh sb="93" eb="95">
      <t>タイセイ</t>
    </rPh>
    <rPh sb="96" eb="98">
      <t>カクホ</t>
    </rPh>
    <rPh sb="99" eb="100">
      <t>サダ</t>
    </rPh>
    <rPh sb="107" eb="109">
      <t>ホウモン</t>
    </rPh>
    <rPh sb="109" eb="111">
      <t>カイゴ</t>
    </rPh>
    <rPh sb="111" eb="112">
      <t>イン</t>
    </rPh>
    <rPh sb="112" eb="113">
      <t>オヨ</t>
    </rPh>
    <rPh sb="118" eb="123">
      <t>テイキョウセキニンシャ</t>
    </rPh>
    <rPh sb="127" eb="129">
      <t>コベツ</t>
    </rPh>
    <rPh sb="129" eb="132">
      <t>グタイテキ</t>
    </rPh>
    <rPh sb="133" eb="135">
      <t>ケンシュウ</t>
    </rPh>
    <rPh sb="136" eb="138">
      <t>モクヒョウ</t>
    </rPh>
    <rPh sb="139" eb="141">
      <t>ナイヨウ</t>
    </rPh>
    <rPh sb="142" eb="144">
      <t>ケンシュウ</t>
    </rPh>
    <rPh sb="144" eb="146">
      <t>キカン</t>
    </rPh>
    <rPh sb="147" eb="149">
      <t>ジッシ</t>
    </rPh>
    <rPh sb="149" eb="151">
      <t>ジキ</t>
    </rPh>
    <rPh sb="151" eb="152">
      <t>トウ</t>
    </rPh>
    <rPh sb="153" eb="154">
      <t>サダ</t>
    </rPh>
    <rPh sb="156" eb="158">
      <t>ケイカク</t>
    </rPh>
    <rPh sb="159" eb="161">
      <t>サクテイ</t>
    </rPh>
    <phoneticPr fontId="3"/>
  </si>
  <si>
    <r>
      <t>②</t>
    </r>
    <r>
      <rPr>
        <b/>
        <sz val="11"/>
        <rFont val="ＭＳ Ｐゴシック"/>
        <family val="3"/>
        <charset val="128"/>
      </rPr>
      <t>　</t>
    </r>
    <r>
      <rPr>
        <sz val="11"/>
        <rFont val="ＭＳ Ｐゴシック"/>
        <family val="3"/>
        <charset val="128"/>
      </rPr>
      <t>会議の開催状況</t>
    </r>
    <rPh sb="2" eb="4">
      <t>カイギ</t>
    </rPh>
    <rPh sb="5" eb="7">
      <t>カイサイ</t>
    </rPh>
    <rPh sb="7" eb="9">
      <t>ジョウキョ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0_ "/>
    <numFmt numFmtId="177" formatCode="#,##0.0_ "/>
    <numFmt numFmtId="178" formatCode="0.0%"/>
    <numFmt numFmtId="179" formatCode="0.0"/>
  </numFmts>
  <fonts count="27">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b/>
      <sz val="11"/>
      <name val="HGSｺﾞｼｯｸM"/>
      <family val="3"/>
      <charset val="128"/>
    </font>
    <font>
      <sz val="10"/>
      <name val="HGSｺﾞｼｯｸM"/>
      <family val="3"/>
      <charset val="128"/>
    </font>
    <font>
      <sz val="14"/>
      <name val="ＭＳ Ｐゴシック"/>
      <family val="3"/>
      <charset val="128"/>
    </font>
    <font>
      <sz val="12"/>
      <name val="ＭＳ Ｐゴシック"/>
      <family val="3"/>
      <charset val="128"/>
    </font>
    <font>
      <u/>
      <sz val="11"/>
      <name val="ＭＳ Ｐゴシック"/>
      <family val="3"/>
      <charset val="128"/>
    </font>
    <font>
      <sz val="16"/>
      <name val="ＭＳ Ｐゴシック"/>
      <family val="3"/>
      <charset val="128"/>
    </font>
    <font>
      <sz val="9"/>
      <name val="ＭＳ Ｐゴシック"/>
      <family val="3"/>
      <charset val="128"/>
    </font>
    <font>
      <sz val="7"/>
      <name val="ＭＳ Ｐゴシック"/>
      <family val="3"/>
      <charset val="128"/>
    </font>
    <font>
      <b/>
      <sz val="11"/>
      <name val="ＭＳ Ｐゴシック"/>
      <family val="3"/>
      <charset val="128"/>
    </font>
    <font>
      <sz val="8"/>
      <name val="ＭＳ Ｐゴシック"/>
      <family val="3"/>
      <charset val="128"/>
    </font>
    <font>
      <sz val="10"/>
      <name val="ＭＳ Ｐゴシック"/>
      <family val="3"/>
      <charset val="128"/>
    </font>
    <font>
      <sz val="11"/>
      <name val="MingLiU"/>
      <family val="3"/>
    </font>
    <font>
      <i/>
      <sz val="10"/>
      <name val="ＭＳ Ｐゴシック"/>
      <family val="3"/>
      <charset val="128"/>
    </font>
    <font>
      <sz val="11"/>
      <color indexed="10"/>
      <name val="HGSｺﾞｼｯｸM"/>
      <family val="3"/>
      <charset val="128"/>
    </font>
    <font>
      <u/>
      <sz val="7"/>
      <name val="ＭＳ Ｐゴシック"/>
      <family val="3"/>
      <charset val="128"/>
    </font>
    <font>
      <sz val="11"/>
      <color indexed="8"/>
      <name val="游ゴシック"/>
      <family val="3"/>
      <charset val="128"/>
      <scheme val="minor"/>
    </font>
    <font>
      <sz val="11"/>
      <color indexed="8"/>
      <name val="HGSｺﾞｼｯｸM"/>
      <family val="3"/>
      <charset val="128"/>
    </font>
    <font>
      <b/>
      <u/>
      <sz val="11"/>
      <color indexed="8"/>
      <name val="HGSｺﾞｼｯｸM"/>
      <family val="3"/>
      <charset val="128"/>
    </font>
    <font>
      <sz val="9"/>
      <color indexed="8"/>
      <name val="HGSｺﾞｼｯｸM"/>
      <family val="3"/>
      <charset val="128"/>
    </font>
    <font>
      <b/>
      <sz val="11"/>
      <color indexed="10"/>
      <name val="HGSｺﾞｼｯｸM"/>
      <family val="3"/>
      <charset val="128"/>
    </font>
    <font>
      <sz val="10"/>
      <color indexed="8"/>
      <name val="HGSｺﾞｼｯｸM"/>
      <family val="3"/>
      <charset val="128"/>
    </font>
    <font>
      <sz val="11"/>
      <name val="游ゴシック"/>
      <family val="3"/>
      <charset val="128"/>
      <scheme val="minor"/>
    </font>
    <font>
      <sz val="11"/>
      <color indexed="10"/>
      <name val="ＭＳ Ｐゴシック"/>
      <family val="3"/>
      <charset val="128"/>
    </font>
  </fonts>
  <fills count="6">
    <fill>
      <patternFill patternType="none"/>
    </fill>
    <fill>
      <patternFill patternType="gray125"/>
    </fill>
    <fill>
      <patternFill patternType="solid">
        <fgColor indexed="9"/>
        <bgColor indexed="64"/>
      </patternFill>
    </fill>
    <fill>
      <patternFill patternType="solid">
        <fgColor indexed="44"/>
        <bgColor indexed="64"/>
      </patternFill>
    </fill>
    <fill>
      <patternFill patternType="solid">
        <fgColor indexed="26"/>
        <bgColor indexed="64"/>
      </patternFill>
    </fill>
    <fill>
      <patternFill patternType="solid">
        <fgColor indexed="27"/>
        <bgColor indexed="64"/>
      </patternFill>
    </fill>
  </fills>
  <borders count="5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bottom/>
      <diagonal/>
    </border>
    <border>
      <left/>
      <right style="hair">
        <color indexed="64"/>
      </right>
      <top/>
      <bottom/>
      <diagonal/>
    </border>
    <border>
      <left style="hair">
        <color indexed="64"/>
      </left>
      <right/>
      <top/>
      <bottom style="hair">
        <color indexed="64"/>
      </bottom>
      <diagonal/>
    </border>
    <border>
      <left/>
      <right style="hair">
        <color indexed="64"/>
      </right>
      <top/>
      <bottom style="hair">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bottom style="thin">
        <color indexed="64"/>
      </bottom>
      <diagonal style="thin">
        <color indexed="64"/>
      </diagonal>
    </border>
    <border>
      <left style="thin">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style="thin">
        <color indexed="64"/>
      </right>
      <top/>
      <bottom style="thin">
        <color indexed="64"/>
      </bottom>
      <diagonal style="thin">
        <color indexed="64"/>
      </diagonal>
    </border>
    <border>
      <left/>
      <right style="thin">
        <color indexed="64"/>
      </right>
      <top/>
      <bottom style="hair">
        <color indexed="64"/>
      </bottom>
      <diagonal/>
    </border>
    <border>
      <left style="thin">
        <color indexed="64"/>
      </left>
      <right/>
      <top style="dashed">
        <color indexed="64"/>
      </top>
      <bottom/>
      <diagonal/>
    </border>
    <border>
      <left/>
      <right/>
      <top style="dashed">
        <color indexed="64"/>
      </top>
      <bottom/>
      <diagonal/>
    </border>
    <border>
      <left style="thin">
        <color indexed="64"/>
      </left>
      <right style="thin">
        <color indexed="64"/>
      </right>
      <top/>
      <bottom/>
      <diagonal/>
    </border>
    <border>
      <left/>
      <right/>
      <top/>
      <bottom style="dashed">
        <color indexed="64"/>
      </bottom>
      <diagonal/>
    </border>
    <border>
      <left style="thin">
        <color indexed="64"/>
      </left>
      <right style="thin">
        <color indexed="64"/>
      </right>
      <top/>
      <bottom style="thin">
        <color indexed="64"/>
      </bottom>
      <diagonal/>
    </border>
  </borders>
  <cellStyleXfs count="4">
    <xf numFmtId="0" fontId="0" fillId="0" borderId="0"/>
    <xf numFmtId="0" fontId="1" fillId="0" borderId="0"/>
    <xf numFmtId="0" fontId="19" fillId="0" borderId="0">
      <alignment vertical="center"/>
    </xf>
    <xf numFmtId="9" fontId="19" fillId="0" borderId="0" applyFill="0" applyBorder="0" applyAlignment="0" applyProtection="0">
      <alignment vertical="center"/>
    </xf>
  </cellStyleXfs>
  <cellXfs count="339">
    <xf numFmtId="0" fontId="0" fillId="0" borderId="0" xfId="0"/>
    <xf numFmtId="0" fontId="2" fillId="0" borderId="0" xfId="0" applyFont="1" applyAlignment="1">
      <alignment horizontal="left" vertical="center"/>
    </xf>
    <xf numFmtId="0" fontId="2" fillId="0" borderId="0" xfId="1" applyFont="1" applyAlignment="1">
      <alignment horizontal="center" vertical="center"/>
    </xf>
    <xf numFmtId="0" fontId="2" fillId="0" borderId="8" xfId="1" applyFont="1" applyBorder="1" applyAlignment="1">
      <alignment horizontal="center" vertical="center"/>
    </xf>
    <xf numFmtId="0" fontId="0" fillId="0" borderId="0" xfId="0" applyAlignment="1">
      <alignment vertical="center"/>
    </xf>
    <xf numFmtId="0" fontId="0" fillId="2" borderId="0" xfId="0" applyFill="1" applyAlignment="1">
      <alignment vertical="center"/>
    </xf>
    <xf numFmtId="0" fontId="7" fillId="2" borderId="0" xfId="0" applyFont="1" applyFill="1" applyAlignment="1">
      <alignment vertical="center"/>
    </xf>
    <xf numFmtId="0" fontId="0" fillId="2" borderId="0" xfId="0" applyFill="1" applyAlignment="1">
      <alignment horizontal="left" vertical="center"/>
    </xf>
    <xf numFmtId="0" fontId="9" fillId="0" borderId="0" xfId="0" applyFont="1" applyAlignment="1">
      <alignment vertical="center"/>
    </xf>
    <xf numFmtId="0" fontId="9" fillId="2" borderId="0" xfId="0" applyFont="1" applyFill="1" applyAlignment="1">
      <alignment vertical="center"/>
    </xf>
    <xf numFmtId="0" fontId="0" fillId="2" borderId="0" xfId="0" applyFill="1" applyAlignment="1">
      <alignment horizontal="center" vertical="center"/>
    </xf>
    <xf numFmtId="0" fontId="0" fillId="2" borderId="12" xfId="0" applyFill="1" applyBorder="1" applyAlignment="1">
      <alignment vertical="center"/>
    </xf>
    <xf numFmtId="0" fontId="13" fillId="2" borderId="21" xfId="0" applyFont="1" applyFill="1" applyBorder="1" applyAlignment="1">
      <alignment vertical="top"/>
    </xf>
    <xf numFmtId="0" fontId="14" fillId="2" borderId="0" xfId="0" applyFont="1" applyFill="1" applyAlignment="1">
      <alignment vertical="center"/>
    </xf>
    <xf numFmtId="0" fontId="10" fillId="2" borderId="0" xfId="0" applyFont="1" applyFill="1" applyAlignment="1">
      <alignment vertical="center"/>
    </xf>
    <xf numFmtId="0" fontId="13" fillId="2" borderId="0" xfId="0" applyFont="1" applyFill="1" applyAlignment="1">
      <alignment horizontal="left" vertical="top" wrapText="1"/>
    </xf>
    <xf numFmtId="0" fontId="0" fillId="2" borderId="0" xfId="0" applyFill="1"/>
    <xf numFmtId="0" fontId="12" fillId="2" borderId="0" xfId="0" applyFont="1" applyFill="1"/>
    <xf numFmtId="0" fontId="0" fillId="2" borderId="2" xfId="0" applyFill="1" applyBorder="1" applyAlignment="1">
      <alignment vertical="center"/>
    </xf>
    <xf numFmtId="0" fontId="0" fillId="2" borderId="3" xfId="0" applyFill="1" applyBorder="1" applyAlignment="1">
      <alignment vertical="center"/>
    </xf>
    <xf numFmtId="0" fontId="14" fillId="2" borderId="0" xfId="0" applyFont="1" applyFill="1" applyAlignment="1">
      <alignment vertical="top" wrapText="1" shrinkToFit="1"/>
    </xf>
    <xf numFmtId="0" fontId="11" fillId="2" borderId="0" xfId="0" applyFont="1" applyFill="1" applyAlignment="1">
      <alignment vertical="top" wrapText="1"/>
    </xf>
    <xf numFmtId="0" fontId="11" fillId="2" borderId="0" xfId="0" applyFont="1" applyFill="1" applyAlignment="1">
      <alignment horizontal="left" vertical="center" wrapText="1"/>
    </xf>
    <xf numFmtId="0" fontId="11" fillId="2" borderId="0" xfId="0" applyFont="1" applyFill="1" applyAlignment="1">
      <alignment vertical="center" wrapText="1"/>
    </xf>
    <xf numFmtId="0" fontId="14" fillId="2" borderId="10" xfId="0" applyFont="1" applyFill="1" applyBorder="1" applyAlignment="1">
      <alignment horizontal="left" vertical="center" wrapText="1"/>
    </xf>
    <xf numFmtId="0" fontId="14" fillId="0" borderId="0" xfId="0" applyFont="1" applyAlignment="1">
      <alignment vertical="center"/>
    </xf>
    <xf numFmtId="0" fontId="0" fillId="2" borderId="0" xfId="0" applyFill="1" applyAlignment="1">
      <alignment vertical="center" wrapText="1"/>
    </xf>
    <xf numFmtId="0" fontId="14" fillId="2" borderId="32" xfId="0" applyFont="1" applyFill="1" applyBorder="1" applyAlignment="1">
      <alignment horizontal="left" vertical="center"/>
    </xf>
    <xf numFmtId="0" fontId="0" fillId="2" borderId="33" xfId="0" applyFill="1" applyBorder="1" applyAlignment="1">
      <alignment vertical="center" wrapText="1"/>
    </xf>
    <xf numFmtId="0" fontId="14" fillId="2" borderId="0" xfId="0" applyFont="1" applyFill="1" applyAlignment="1">
      <alignment horizontal="left" vertical="center" wrapText="1"/>
    </xf>
    <xf numFmtId="0" fontId="6" fillId="0" borderId="0" xfId="0" applyFont="1" applyAlignment="1">
      <alignment vertical="center"/>
    </xf>
    <xf numFmtId="0" fontId="16" fillId="0" borderId="0" xfId="0" applyFont="1" applyAlignment="1">
      <alignment vertical="center"/>
    </xf>
    <xf numFmtId="0" fontId="0" fillId="0" borderId="12" xfId="0" applyBorder="1" applyAlignment="1">
      <alignment horizontal="center" vertical="center"/>
    </xf>
    <xf numFmtId="0" fontId="0" fillId="0" borderId="12" xfId="0" applyBorder="1" applyAlignment="1">
      <alignment horizontal="center" vertical="center" wrapText="1"/>
    </xf>
    <xf numFmtId="0" fontId="0" fillId="0" borderId="12" xfId="0" applyBorder="1" applyAlignment="1">
      <alignment vertical="center"/>
    </xf>
    <xf numFmtId="0" fontId="0" fillId="3" borderId="12" xfId="0" applyFill="1" applyBorder="1" applyAlignment="1">
      <alignment vertical="center"/>
    </xf>
    <xf numFmtId="0" fontId="0" fillId="0" borderId="0" xfId="0" applyAlignment="1">
      <alignment vertical="center" wrapText="1"/>
    </xf>
    <xf numFmtId="0" fontId="0" fillId="0" borderId="4" xfId="0" applyBorder="1" applyAlignment="1">
      <alignment vertical="center"/>
    </xf>
    <xf numFmtId="0" fontId="0" fillId="0" borderId="5" xfId="0" applyBorder="1" applyAlignment="1">
      <alignment vertical="center"/>
    </xf>
    <xf numFmtId="0" fontId="0" fillId="0" borderId="6" xfId="0" applyBorder="1" applyAlignment="1">
      <alignment vertical="center"/>
    </xf>
    <xf numFmtId="0" fontId="0" fillId="0" borderId="10" xfId="0" applyBorder="1" applyAlignment="1">
      <alignment vertical="center"/>
    </xf>
    <xf numFmtId="0" fontId="0" fillId="0" borderId="11" xfId="0" applyBorder="1" applyAlignment="1">
      <alignment vertical="center"/>
    </xf>
    <xf numFmtId="0" fontId="0" fillId="0" borderId="7"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0" fillId="0" borderId="41" xfId="0" applyBorder="1" applyAlignment="1">
      <alignment horizontal="center" vertical="center"/>
    </xf>
    <xf numFmtId="0" fontId="0" fillId="0" borderId="41" xfId="0" applyBorder="1" applyAlignment="1">
      <alignment horizontal="center" vertical="center" wrapText="1"/>
    </xf>
    <xf numFmtId="0" fontId="0" fillId="0" borderId="12" xfId="0" applyBorder="1" applyAlignment="1">
      <alignment vertical="center" shrinkToFit="1"/>
    </xf>
    <xf numFmtId="176" fontId="0" fillId="3" borderId="12" xfId="0" applyNumberFormat="1" applyFill="1" applyBorder="1" applyAlignment="1">
      <alignment vertical="center"/>
    </xf>
    <xf numFmtId="0" fontId="0" fillId="0" borderId="0" xfId="0" applyAlignment="1">
      <alignment horizontal="center" vertical="center"/>
    </xf>
    <xf numFmtId="177" fontId="0" fillId="3" borderId="12" xfId="0" applyNumberFormat="1" applyFill="1" applyBorder="1" applyAlignment="1">
      <alignment vertical="center"/>
    </xf>
    <xf numFmtId="0" fontId="0" fillId="0" borderId="0" xfId="0" applyAlignment="1">
      <alignment vertical="center" shrinkToFit="1"/>
    </xf>
    <xf numFmtId="0" fontId="5" fillId="0" borderId="1" xfId="1" applyFont="1" applyBorder="1" applyAlignment="1">
      <alignment horizontal="center" vertical="center"/>
    </xf>
    <xf numFmtId="0" fontId="5" fillId="0" borderId="2" xfId="1" applyFont="1" applyBorder="1" applyAlignment="1">
      <alignment horizontal="center" vertical="center"/>
    </xf>
    <xf numFmtId="0" fontId="14" fillId="2" borderId="2" xfId="0" applyFont="1" applyFill="1" applyBorder="1" applyAlignment="1">
      <alignment horizontal="center" vertical="center"/>
    </xf>
    <xf numFmtId="0" fontId="14" fillId="2" borderId="2" xfId="0" applyFont="1" applyFill="1" applyBorder="1" applyAlignment="1">
      <alignment vertical="center" shrinkToFit="1"/>
    </xf>
    <xf numFmtId="0" fontId="5" fillId="0" borderId="4" xfId="1" applyFont="1" applyBorder="1" applyAlignment="1">
      <alignment horizontal="center" vertical="center"/>
    </xf>
    <xf numFmtId="0" fontId="5" fillId="0" borderId="7" xfId="1" applyFont="1" applyBorder="1" applyAlignment="1">
      <alignment horizontal="center" vertical="center"/>
    </xf>
    <xf numFmtId="0" fontId="14" fillId="2" borderId="2" xfId="0" applyFont="1" applyFill="1" applyBorder="1" applyAlignment="1">
      <alignment horizontal="left" vertical="center"/>
    </xf>
    <xf numFmtId="0" fontId="0" fillId="0" borderId="2" xfId="0" applyBorder="1" applyAlignment="1">
      <alignment vertical="center"/>
    </xf>
    <xf numFmtId="0" fontId="0" fillId="0" borderId="3" xfId="0" applyBorder="1" applyAlignment="1">
      <alignment vertical="center"/>
    </xf>
    <xf numFmtId="0" fontId="0" fillId="0" borderId="1" xfId="0" applyBorder="1" applyAlignment="1">
      <alignment vertical="center"/>
    </xf>
    <xf numFmtId="0" fontId="0" fillId="0" borderId="5" xfId="0" applyBorder="1" applyAlignment="1">
      <alignment horizontal="left" vertical="center"/>
    </xf>
    <xf numFmtId="0" fontId="0" fillId="0" borderId="8" xfId="0" applyBorder="1" applyAlignment="1">
      <alignment vertical="center" wrapText="1"/>
    </xf>
    <xf numFmtId="0" fontId="0" fillId="0" borderId="5" xfId="0" applyBorder="1" applyAlignment="1">
      <alignment vertical="center" wrapText="1"/>
    </xf>
    <xf numFmtId="0" fontId="0" fillId="0" borderId="0" xfId="0" applyAlignment="1">
      <alignment horizontal="left" vertical="center"/>
    </xf>
    <xf numFmtId="0" fontId="2" fillId="0" borderId="4" xfId="1" applyFont="1" applyBorder="1" applyAlignment="1">
      <alignment horizontal="center" vertical="center"/>
    </xf>
    <xf numFmtId="0" fontId="2" fillId="0" borderId="10" xfId="1" applyFont="1" applyBorder="1" applyAlignment="1">
      <alignment horizontal="center" vertical="center"/>
    </xf>
    <xf numFmtId="0" fontId="2" fillId="0" borderId="5" xfId="1" applyFont="1" applyBorder="1" applyAlignment="1">
      <alignment horizontal="center" vertical="center"/>
    </xf>
    <xf numFmtId="0" fontId="0" fillId="0" borderId="4" xfId="0" applyBorder="1" applyAlignment="1">
      <alignment horizontal="center" vertical="center" wrapText="1"/>
    </xf>
    <xf numFmtId="0" fontId="0" fillId="0" borderId="5" xfId="0" applyBorder="1" applyAlignment="1">
      <alignment horizontal="center" vertical="center" wrapText="1"/>
    </xf>
    <xf numFmtId="0" fontId="0" fillId="0" borderId="0" xfId="0" applyAlignment="1">
      <alignment horizontal="right" vertical="center"/>
    </xf>
    <xf numFmtId="0" fontId="0" fillId="0" borderId="11" xfId="0" applyBorder="1" applyAlignment="1">
      <alignment vertical="center" shrinkToFit="1"/>
    </xf>
    <xf numFmtId="0" fontId="2" fillId="0" borderId="0" xfId="0" applyFont="1" applyAlignment="1">
      <alignment vertical="top"/>
    </xf>
    <xf numFmtId="0" fontId="2" fillId="0" borderId="1" xfId="1" applyFont="1" applyBorder="1" applyAlignment="1">
      <alignment horizontal="center" vertical="center"/>
    </xf>
    <xf numFmtId="0" fontId="2" fillId="0" borderId="2" xfId="0" applyFont="1" applyBorder="1" applyAlignment="1">
      <alignment vertical="center"/>
    </xf>
    <xf numFmtId="0" fontId="2" fillId="0" borderId="2" xfId="1" applyFont="1" applyBorder="1" applyAlignment="1">
      <alignment horizontal="center" vertical="center"/>
    </xf>
    <xf numFmtId="0" fontId="2" fillId="0" borderId="5" xfId="0" applyFont="1" applyBorder="1" applyAlignment="1">
      <alignment horizontal="left" vertical="center"/>
    </xf>
    <xf numFmtId="0" fontId="2" fillId="0" borderId="5" xfId="0" applyFont="1" applyBorder="1" applyAlignment="1">
      <alignment vertical="center" shrinkToFit="1"/>
    </xf>
    <xf numFmtId="0" fontId="2" fillId="0" borderId="5" xfId="0" applyFont="1" applyBorder="1" applyAlignment="1">
      <alignment vertical="center"/>
    </xf>
    <xf numFmtId="0" fontId="2" fillId="0" borderId="7" xfId="1" applyFont="1" applyBorder="1" applyAlignment="1">
      <alignment horizontal="center" vertical="center"/>
    </xf>
    <xf numFmtId="0" fontId="2" fillId="0" borderId="8" xfId="0" applyFont="1" applyBorder="1" applyAlignment="1">
      <alignment horizontal="left" vertical="center"/>
    </xf>
    <xf numFmtId="0" fontId="2" fillId="0" borderId="8" xfId="0" applyFont="1" applyBorder="1" applyAlignment="1">
      <alignment vertical="center" shrinkToFit="1"/>
    </xf>
    <xf numFmtId="0" fontId="2" fillId="0" borderId="8" xfId="0" applyFont="1" applyBorder="1" applyAlignment="1">
      <alignment vertical="center"/>
    </xf>
    <xf numFmtId="0" fontId="2" fillId="0" borderId="4" xfId="0" applyFont="1" applyBorder="1" applyAlignment="1">
      <alignment horizontal="left" vertical="center"/>
    </xf>
    <xf numFmtId="0" fontId="2" fillId="0" borderId="6" xfId="0" applyFont="1" applyBorder="1" applyAlignment="1">
      <alignment horizontal="left" vertical="center"/>
    </xf>
    <xf numFmtId="0" fontId="4" fillId="0" borderId="0" xfId="0" applyFont="1" applyAlignment="1">
      <alignment horizontal="center" vertical="center"/>
    </xf>
    <xf numFmtId="0" fontId="2" fillId="0" borderId="11" xfId="0" applyFont="1" applyBorder="1" applyAlignment="1">
      <alignment vertical="center"/>
    </xf>
    <xf numFmtId="0" fontId="2" fillId="0" borderId="10" xfId="0" applyFont="1" applyBorder="1" applyAlignment="1">
      <alignment vertical="center"/>
    </xf>
    <xf numFmtId="0" fontId="2" fillId="0" borderId="0" xfId="0" applyFont="1" applyAlignment="1">
      <alignment vertical="center" wrapText="1"/>
    </xf>
    <xf numFmtId="0" fontId="2" fillId="0" borderId="0" xfId="0" applyFont="1" applyAlignment="1">
      <alignment vertical="center"/>
    </xf>
    <xf numFmtId="0" fontId="2" fillId="0" borderId="12" xfId="0" applyFont="1" applyBorder="1" applyAlignment="1">
      <alignment horizontal="center" vertical="center"/>
    </xf>
    <xf numFmtId="0" fontId="2" fillId="0" borderId="49" xfId="0" applyFont="1" applyBorder="1" applyAlignment="1">
      <alignment horizontal="left" vertical="center"/>
    </xf>
    <xf numFmtId="0" fontId="2" fillId="0" borderId="3" xfId="0" applyFont="1" applyBorder="1" applyAlignment="1">
      <alignment vertical="center"/>
    </xf>
    <xf numFmtId="0" fontId="2" fillId="0" borderId="7" xfId="0" applyFont="1" applyBorder="1" applyAlignment="1">
      <alignment horizontal="left" vertical="center"/>
    </xf>
    <xf numFmtId="0" fontId="2" fillId="0" borderId="9" xfId="0" applyFont="1" applyBorder="1" applyAlignment="1">
      <alignment horizontal="left" vertical="center"/>
    </xf>
    <xf numFmtId="0" fontId="17" fillId="0" borderId="0" xfId="2" applyFont="1">
      <alignment vertical="center"/>
    </xf>
    <xf numFmtId="0" fontId="20" fillId="0" borderId="0" xfId="2" applyFont="1">
      <alignment vertical="center"/>
    </xf>
    <xf numFmtId="0" fontId="20" fillId="0" borderId="0" xfId="2" applyFont="1" applyAlignment="1">
      <alignment horizontal="right" vertical="center"/>
    </xf>
    <xf numFmtId="0" fontId="20" fillId="0" borderId="0" xfId="2" applyFont="1" applyAlignment="1">
      <alignment horizontal="center" vertical="center"/>
    </xf>
    <xf numFmtId="0" fontId="2" fillId="0" borderId="0" xfId="2" applyFont="1">
      <alignment vertical="center"/>
    </xf>
    <xf numFmtId="0" fontId="20" fillId="4" borderId="0" xfId="2" applyFont="1" applyFill="1" applyAlignment="1">
      <alignment horizontal="center" vertical="center"/>
    </xf>
    <xf numFmtId="0" fontId="20" fillId="0" borderId="3" xfId="2" applyFont="1" applyBorder="1" applyAlignment="1">
      <alignment horizontal="center" vertical="center"/>
    </xf>
    <xf numFmtId="0" fontId="22" fillId="2" borderId="2" xfId="2" applyFont="1" applyFill="1" applyBorder="1" applyAlignment="1">
      <alignment horizontal="center" vertical="center" wrapText="1"/>
    </xf>
    <xf numFmtId="0" fontId="20" fillId="2" borderId="2" xfId="2" applyFont="1" applyFill="1" applyBorder="1" applyAlignment="1">
      <alignment horizontal="center" vertical="center"/>
    </xf>
    <xf numFmtId="0" fontId="20" fillId="0" borderId="0" xfId="2" applyFont="1" applyAlignment="1">
      <alignment horizontal="center" vertical="center" wrapText="1"/>
    </xf>
    <xf numFmtId="0" fontId="22" fillId="0" borderId="0" xfId="2" applyFont="1" applyAlignment="1">
      <alignment horizontal="center" vertical="center" wrapText="1"/>
    </xf>
    <xf numFmtId="178" fontId="17" fillId="2" borderId="0" xfId="3" applyNumberFormat="1" applyFont="1" applyFill="1" applyBorder="1" applyAlignment="1">
      <alignment horizontal="center" vertical="center"/>
    </xf>
    <xf numFmtId="0" fontId="20" fillId="2" borderId="0" xfId="2" applyFont="1" applyFill="1" applyAlignment="1">
      <alignment horizontal="center" vertical="center"/>
    </xf>
    <xf numFmtId="0" fontId="20" fillId="0" borderId="3" xfId="2" applyFont="1" applyBorder="1">
      <alignment vertical="center"/>
    </xf>
    <xf numFmtId="0" fontId="20" fillId="0" borderId="11" xfId="2" applyFont="1" applyBorder="1">
      <alignment vertical="center"/>
    </xf>
    <xf numFmtId="0" fontId="20" fillId="0" borderId="9" xfId="2" applyFont="1" applyBorder="1">
      <alignment vertical="center"/>
    </xf>
    <xf numFmtId="0" fontId="20" fillId="0" borderId="9" xfId="2" applyFont="1" applyBorder="1" applyAlignment="1">
      <alignment horizontal="center" vertical="center"/>
    </xf>
    <xf numFmtId="179" fontId="20" fillId="0" borderId="0" xfId="2" applyNumberFormat="1" applyFont="1" applyAlignment="1">
      <alignment horizontal="center" vertical="center"/>
    </xf>
    <xf numFmtId="0" fontId="20" fillId="0" borderId="50" xfId="2" applyFont="1" applyBorder="1">
      <alignment vertical="center"/>
    </xf>
    <xf numFmtId="0" fontId="20" fillId="0" borderId="8" xfId="2" applyFont="1" applyBorder="1">
      <alignment vertical="center"/>
    </xf>
    <xf numFmtId="0" fontId="20" fillId="0" borderId="5" xfId="2" applyFont="1" applyBorder="1">
      <alignment vertical="center"/>
    </xf>
    <xf numFmtId="0" fontId="25" fillId="0" borderId="0" xfId="0" applyFont="1" applyAlignment="1">
      <alignment vertical="center"/>
    </xf>
    <xf numFmtId="0" fontId="0" fillId="0" borderId="12" xfId="0" applyBorder="1" applyAlignment="1">
      <alignment vertical="center" wrapText="1" shrinkToFit="1"/>
    </xf>
    <xf numFmtId="0" fontId="0" fillId="3" borderId="1" xfId="0" applyFill="1" applyBorder="1" applyAlignment="1">
      <alignment vertical="center"/>
    </xf>
    <xf numFmtId="176" fontId="0" fillId="3" borderId="51" xfId="0" applyNumberFormat="1" applyFill="1" applyBorder="1" applyAlignment="1">
      <alignment vertical="center"/>
    </xf>
    <xf numFmtId="0" fontId="7" fillId="0" borderId="0" xfId="0" applyFont="1" applyAlignment="1">
      <alignment vertical="center"/>
    </xf>
    <xf numFmtId="0" fontId="2" fillId="0" borderId="0" xfId="0" applyFont="1" applyAlignment="1">
      <alignment horizontal="left" vertical="center" wrapText="1"/>
    </xf>
    <xf numFmtId="0" fontId="2" fillId="0" borderId="10" xfId="0" applyFont="1" applyBorder="1" applyAlignment="1">
      <alignment horizontal="center" vertical="center"/>
    </xf>
    <xf numFmtId="0" fontId="2" fillId="0" borderId="0" xfId="0" applyFont="1" applyAlignment="1">
      <alignment horizontal="center" vertical="center"/>
    </xf>
    <xf numFmtId="0" fontId="2" fillId="0" borderId="1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left" vertical="center"/>
    </xf>
    <xf numFmtId="0" fontId="2" fillId="0" borderId="8" xfId="0" applyFont="1" applyBorder="1" applyAlignment="1">
      <alignment horizontal="center" vertical="center"/>
    </xf>
    <xf numFmtId="0" fontId="2" fillId="0" borderId="11" xfId="0" applyFont="1" applyBorder="1" applyAlignment="1">
      <alignment horizontal="left" vertical="center"/>
    </xf>
    <xf numFmtId="0" fontId="2" fillId="0" borderId="10" xfId="0" applyFont="1" applyBorder="1" applyAlignment="1">
      <alignment horizontal="left" vertical="center"/>
    </xf>
    <xf numFmtId="0" fontId="2" fillId="0" borderId="5" xfId="0" applyFont="1" applyBorder="1" applyAlignment="1">
      <alignment horizontal="center" vertical="center"/>
    </xf>
    <xf numFmtId="0" fontId="2" fillId="0" borderId="6" xfId="0" applyFont="1" applyBorder="1" applyAlignment="1">
      <alignment horizontal="center" vertical="center"/>
    </xf>
    <xf numFmtId="0" fontId="2" fillId="0" borderId="9" xfId="0" applyFont="1" applyBorder="1" applyAlignment="1">
      <alignment horizontal="center" vertical="center"/>
    </xf>
    <xf numFmtId="0" fontId="0" fillId="2" borderId="0" xfId="0" applyFill="1" applyAlignment="1">
      <alignment horizontal="left" vertical="center" wrapText="1"/>
    </xf>
    <xf numFmtId="0" fontId="14" fillId="2" borderId="2" xfId="0" applyFont="1" applyFill="1" applyBorder="1" applyAlignment="1">
      <alignment vertical="center"/>
    </xf>
    <xf numFmtId="0" fontId="14" fillId="2" borderId="3" xfId="0" applyFont="1" applyFill="1" applyBorder="1" applyAlignment="1">
      <alignment horizontal="center" vertical="center"/>
    </xf>
    <xf numFmtId="0" fontId="5" fillId="0" borderId="2" xfId="1" applyFont="1" applyBorder="1" applyAlignment="1">
      <alignment horizontal="left" vertical="center"/>
    </xf>
    <xf numFmtId="0" fontId="6" fillId="2" borderId="0" xfId="0" applyFont="1" applyFill="1" applyAlignment="1">
      <alignment vertical="center"/>
    </xf>
    <xf numFmtId="0" fontId="2" fillId="0" borderId="0" xfId="0" quotePrefix="1" applyFont="1" applyAlignment="1">
      <alignment horizontal="left" vertical="center"/>
    </xf>
    <xf numFmtId="0" fontId="2" fillId="0" borderId="0" xfId="0" applyFont="1" applyAlignment="1">
      <alignment horizontal="left" vertical="center" wrapText="1"/>
    </xf>
    <xf numFmtId="0" fontId="2" fillId="0" borderId="11" xfId="0" applyFont="1" applyBorder="1" applyAlignment="1">
      <alignment horizontal="left" vertical="center" wrapText="1"/>
    </xf>
    <xf numFmtId="0" fontId="2" fillId="0" borderId="12" xfId="0" applyFont="1" applyBorder="1" applyAlignment="1">
      <alignment horizontal="center" vertical="center" wrapText="1"/>
    </xf>
    <xf numFmtId="0" fontId="2" fillId="0" borderId="12" xfId="0" applyFont="1" applyBorder="1" applyAlignment="1">
      <alignment horizontal="center" vertical="center"/>
    </xf>
    <xf numFmtId="0" fontId="2" fillId="0" borderId="12" xfId="0" applyFont="1" applyBorder="1" applyAlignment="1">
      <alignment horizontal="left" vertical="center" wrapText="1"/>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0" xfId="0" applyFont="1" applyAlignment="1">
      <alignment horizontal="center" vertical="center" wrapText="1"/>
    </xf>
    <xf numFmtId="0" fontId="2" fillId="0" borderId="10" xfId="0" applyFont="1" applyBorder="1" applyAlignment="1">
      <alignment horizontal="left" vertical="top" wrapText="1"/>
    </xf>
    <xf numFmtId="0" fontId="2" fillId="0" borderId="0" xfId="0" applyFont="1" applyAlignment="1">
      <alignment horizontal="left" vertical="top"/>
    </xf>
    <xf numFmtId="0" fontId="2" fillId="0" borderId="10" xfId="0" applyFont="1" applyBorder="1" applyAlignment="1">
      <alignment horizontal="left" vertical="top"/>
    </xf>
    <xf numFmtId="0" fontId="2" fillId="0" borderId="0" xfId="0" applyFont="1" applyAlignment="1">
      <alignment horizontal="left" vertical="center"/>
    </xf>
    <xf numFmtId="0" fontId="2" fillId="0" borderId="12" xfId="0" applyFont="1" applyBorder="1" applyAlignment="1">
      <alignment horizontal="left" vertical="center"/>
    </xf>
    <xf numFmtId="0" fontId="2" fillId="0" borderId="10" xfId="0" applyFont="1" applyBorder="1" applyAlignment="1">
      <alignment horizontal="center" vertical="center"/>
    </xf>
    <xf numFmtId="0" fontId="2" fillId="0" borderId="0" xfId="0" applyFont="1" applyAlignment="1">
      <alignment horizontal="center" vertical="center"/>
    </xf>
    <xf numFmtId="0" fontId="2" fillId="0" borderId="11" xfId="0" applyFont="1" applyBorder="1" applyAlignment="1">
      <alignment horizontal="center" vertical="center"/>
    </xf>
    <xf numFmtId="0" fontId="2" fillId="0" borderId="3" xfId="0" applyFont="1" applyBorder="1" applyAlignment="1">
      <alignment horizontal="center" vertical="center"/>
    </xf>
    <xf numFmtId="0" fontId="2" fillId="0" borderId="13" xfId="0" applyFont="1" applyBorder="1" applyAlignment="1">
      <alignment horizontal="center" vertical="center"/>
    </xf>
    <xf numFmtId="0" fontId="2" fillId="0" borderId="14" xfId="0" applyFont="1" applyBorder="1" applyAlignment="1">
      <alignment horizontal="center" vertical="center"/>
    </xf>
    <xf numFmtId="0" fontId="2" fillId="0" borderId="15" xfId="0" applyFont="1" applyBorder="1" applyAlignment="1">
      <alignment horizontal="center" vertical="center"/>
    </xf>
    <xf numFmtId="0" fontId="2" fillId="0" borderId="12" xfId="0" applyFont="1" applyBorder="1" applyAlignment="1">
      <alignment vertical="center" wrapText="1"/>
    </xf>
    <xf numFmtId="0" fontId="2" fillId="0" borderId="12" xfId="0" applyFont="1" applyBorder="1" applyAlignment="1">
      <alignment vertical="center"/>
    </xf>
    <xf numFmtId="0" fontId="2" fillId="0" borderId="7" xfId="0" applyFont="1" applyBorder="1" applyAlignment="1">
      <alignment vertical="center" wrapText="1"/>
    </xf>
    <xf numFmtId="0" fontId="2" fillId="0" borderId="8" xfId="0" applyFont="1" applyBorder="1" applyAlignment="1">
      <alignment vertical="center" wrapText="1"/>
    </xf>
    <xf numFmtId="0" fontId="2" fillId="0" borderId="9" xfId="0" applyFont="1" applyBorder="1" applyAlignment="1">
      <alignment vertical="center" wrapText="1"/>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2" fillId="0" borderId="11" xfId="0" applyFont="1" applyBorder="1" applyAlignment="1">
      <alignment horizontal="left" vertical="center"/>
    </xf>
    <xf numFmtId="0" fontId="2" fillId="0" borderId="10" xfId="0" applyFont="1" applyBorder="1" applyAlignment="1">
      <alignment horizontal="left" vertical="center" wrapText="1"/>
    </xf>
    <xf numFmtId="0" fontId="2" fillId="0" borderId="10" xfId="0" applyFont="1" applyBorder="1" applyAlignment="1">
      <alignment horizontal="left" vertical="center"/>
    </xf>
    <xf numFmtId="0" fontId="2" fillId="0" borderId="1" xfId="0" applyFont="1" applyBorder="1" applyAlignment="1">
      <alignment horizontal="lef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6" xfId="0" applyFont="1" applyBorder="1" applyAlignment="1">
      <alignment horizontal="center" vertical="center"/>
    </xf>
    <xf numFmtId="0" fontId="2" fillId="0" borderId="9" xfId="0" applyFont="1" applyBorder="1" applyAlignment="1">
      <alignment horizontal="center" vertical="center"/>
    </xf>
    <xf numFmtId="0" fontId="6" fillId="2" borderId="0" xfId="0" applyFont="1" applyFill="1" applyAlignment="1">
      <alignment horizontal="center" vertical="center"/>
    </xf>
    <xf numFmtId="0" fontId="0" fillId="2" borderId="0" xfId="0" applyFill="1" applyAlignment="1">
      <alignment horizontal="left" vertical="center" wrapText="1"/>
    </xf>
    <xf numFmtId="0" fontId="10" fillId="2" borderId="16" xfId="0" applyFont="1" applyFill="1" applyBorder="1" applyAlignment="1">
      <alignment horizontal="left" vertical="top" wrapText="1"/>
    </xf>
    <xf numFmtId="0" fontId="10" fillId="2" borderId="1" xfId="0" applyFont="1" applyFill="1" applyBorder="1" applyAlignment="1">
      <alignment horizontal="center" vertical="center" wrapText="1"/>
    </xf>
    <xf numFmtId="0" fontId="10" fillId="2" borderId="3" xfId="0" applyFont="1" applyFill="1" applyBorder="1" applyAlignment="1">
      <alignment horizontal="center" vertical="center" wrapText="1"/>
    </xf>
    <xf numFmtId="0" fontId="14" fillId="2" borderId="2" xfId="0" applyFont="1" applyFill="1" applyBorder="1" applyAlignment="1">
      <alignment vertical="center"/>
    </xf>
    <xf numFmtId="0" fontId="0" fillId="2" borderId="1" xfId="0" applyFill="1" applyBorder="1" applyAlignment="1">
      <alignment horizontal="right" vertical="center"/>
    </xf>
    <xf numFmtId="0" fontId="0" fillId="2" borderId="2" xfId="0" applyFill="1" applyBorder="1" applyAlignment="1">
      <alignment horizontal="right" vertical="center"/>
    </xf>
    <xf numFmtId="0" fontId="0" fillId="2" borderId="22" xfId="0" applyFill="1" applyBorder="1" applyAlignment="1">
      <alignment horizontal="left" vertical="center"/>
    </xf>
    <xf numFmtId="0" fontId="0" fillId="2" borderId="23" xfId="0" applyFill="1" applyBorder="1" applyAlignment="1">
      <alignment horizontal="left" vertical="center"/>
    </xf>
    <xf numFmtId="0" fontId="0" fillId="2" borderId="26" xfId="0" applyFill="1" applyBorder="1" applyAlignment="1">
      <alignment horizontal="left" vertical="center"/>
    </xf>
    <xf numFmtId="0" fontId="0" fillId="2" borderId="27" xfId="0" applyFill="1" applyBorder="1" applyAlignment="1">
      <alignment horizontal="left" vertical="center"/>
    </xf>
    <xf numFmtId="0" fontId="0" fillId="2" borderId="28" xfId="0" applyFill="1" applyBorder="1" applyAlignment="1">
      <alignment horizontal="left" vertical="center"/>
    </xf>
    <xf numFmtId="0" fontId="11" fillId="2" borderId="17" xfId="0" applyFont="1" applyFill="1" applyBorder="1" applyAlignment="1">
      <alignment vertical="center" wrapText="1"/>
    </xf>
    <xf numFmtId="0" fontId="11" fillId="2" borderId="18" xfId="0" applyFont="1" applyFill="1" applyBorder="1" applyAlignment="1">
      <alignment vertical="center" wrapText="1"/>
    </xf>
    <xf numFmtId="0" fontId="11" fillId="2" borderId="19" xfId="0" applyFont="1" applyFill="1" applyBorder="1" applyAlignment="1">
      <alignment vertical="center" wrapText="1"/>
    </xf>
    <xf numFmtId="0" fontId="0" fillId="2" borderId="20" xfId="0" applyFill="1" applyBorder="1" applyAlignment="1">
      <alignment horizontal="center" vertical="center" textRotation="255" shrinkToFit="1"/>
    </xf>
    <xf numFmtId="0" fontId="0" fillId="2" borderId="24" xfId="0" applyFill="1" applyBorder="1" applyAlignment="1">
      <alignment horizontal="center" vertical="center" textRotation="255" shrinkToFit="1"/>
    </xf>
    <xf numFmtId="0" fontId="0" fillId="2" borderId="25" xfId="0" applyFill="1" applyBorder="1" applyAlignment="1">
      <alignment horizontal="center" vertical="center" textRotation="255" shrinkToFit="1"/>
    </xf>
    <xf numFmtId="0" fontId="0" fillId="2" borderId="20" xfId="0" applyFill="1" applyBorder="1" applyAlignment="1">
      <alignment horizontal="center" vertical="center"/>
    </xf>
    <xf numFmtId="0" fontId="0" fillId="2" borderId="25" xfId="0" applyFill="1" applyBorder="1" applyAlignment="1">
      <alignment horizontal="center" vertical="center"/>
    </xf>
    <xf numFmtId="0" fontId="13" fillId="2" borderId="5" xfId="0" applyFont="1" applyFill="1" applyBorder="1" applyAlignment="1">
      <alignment horizontal="center" vertical="center" wrapText="1"/>
    </xf>
    <xf numFmtId="0" fontId="13" fillId="2" borderId="6" xfId="0" applyFont="1" applyFill="1" applyBorder="1" applyAlignment="1">
      <alignment horizontal="center" vertical="center" wrapText="1"/>
    </xf>
    <xf numFmtId="0" fontId="13" fillId="2" borderId="16" xfId="0" applyFont="1" applyFill="1" applyBorder="1" applyAlignment="1">
      <alignment horizontal="center" vertical="center" wrapText="1"/>
    </xf>
    <xf numFmtId="0" fontId="13" fillId="2" borderId="46" xfId="0" applyFont="1" applyFill="1" applyBorder="1" applyAlignment="1">
      <alignment horizontal="center" vertical="center" wrapText="1"/>
    </xf>
    <xf numFmtId="0" fontId="10" fillId="2" borderId="5" xfId="0" applyFont="1" applyFill="1" applyBorder="1" applyAlignment="1">
      <alignment horizontal="center" vertical="center" wrapText="1"/>
    </xf>
    <xf numFmtId="0" fontId="10" fillId="2" borderId="6" xfId="0" applyFont="1" applyFill="1" applyBorder="1" applyAlignment="1">
      <alignment horizontal="center" vertical="center" wrapText="1"/>
    </xf>
    <xf numFmtId="0" fontId="10" fillId="2" borderId="8" xfId="0" applyFont="1" applyFill="1" applyBorder="1" applyAlignment="1">
      <alignment horizontal="center" vertical="center" wrapText="1"/>
    </xf>
    <xf numFmtId="0" fontId="10" fillId="2" borderId="9" xfId="0" applyFont="1" applyFill="1" applyBorder="1" applyAlignment="1">
      <alignment horizontal="center" vertical="center" wrapText="1"/>
    </xf>
    <xf numFmtId="0" fontId="11" fillId="2" borderId="17" xfId="0" applyFont="1" applyFill="1" applyBorder="1" applyAlignment="1">
      <alignment horizontal="left" vertical="top" wrapText="1"/>
    </xf>
    <xf numFmtId="0" fontId="11" fillId="2" borderId="18" xfId="0" applyFont="1" applyFill="1" applyBorder="1" applyAlignment="1">
      <alignment horizontal="left" vertical="top" wrapText="1"/>
    </xf>
    <xf numFmtId="0" fontId="11" fillId="2" borderId="19" xfId="0" applyFont="1" applyFill="1" applyBorder="1" applyAlignment="1">
      <alignment horizontal="left" vertical="top" wrapText="1"/>
    </xf>
    <xf numFmtId="0" fontId="0" fillId="2" borderId="4" xfId="0" applyFill="1" applyBorder="1" applyAlignment="1">
      <alignment vertical="top" wrapText="1"/>
    </xf>
    <xf numFmtId="0" fontId="0" fillId="0" borderId="5" xfId="0" applyBorder="1" applyAlignment="1">
      <alignment vertical="top" wrapText="1"/>
    </xf>
    <xf numFmtId="0" fontId="0" fillId="0" borderId="6" xfId="0" applyBorder="1" applyAlignment="1">
      <alignment vertical="top" wrapText="1"/>
    </xf>
    <xf numFmtId="0" fontId="0" fillId="0" borderId="10" xfId="0" applyBorder="1" applyAlignment="1">
      <alignment vertical="top" wrapText="1"/>
    </xf>
    <xf numFmtId="0" fontId="0" fillId="0" borderId="0" xfId="0" applyAlignment="1">
      <alignment vertical="top" wrapText="1"/>
    </xf>
    <xf numFmtId="0" fontId="0" fillId="0" borderId="11" xfId="0" applyBorder="1" applyAlignment="1">
      <alignment vertical="top" wrapText="1"/>
    </xf>
    <xf numFmtId="0" fontId="0" fillId="0" borderId="7" xfId="0" applyBorder="1" applyAlignment="1">
      <alignment vertical="top" wrapText="1"/>
    </xf>
    <xf numFmtId="0" fontId="0" fillId="0" borderId="8" xfId="0" applyBorder="1" applyAlignment="1">
      <alignment vertical="top" wrapText="1"/>
    </xf>
    <xf numFmtId="0" fontId="0" fillId="0" borderId="9" xfId="0" applyBorder="1" applyAlignment="1">
      <alignment vertical="top" wrapText="1"/>
    </xf>
    <xf numFmtId="0" fontId="14" fillId="2" borderId="1" xfId="0" applyFont="1" applyFill="1" applyBorder="1" applyAlignment="1">
      <alignment horizontal="center" vertical="center"/>
    </xf>
    <xf numFmtId="0" fontId="14" fillId="2" borderId="3" xfId="0" applyFont="1" applyFill="1" applyBorder="1" applyAlignment="1">
      <alignment horizontal="center" vertical="center"/>
    </xf>
    <xf numFmtId="0" fontId="14" fillId="2" borderId="2" xfId="0" applyFont="1" applyFill="1" applyBorder="1" applyAlignment="1">
      <alignment horizontal="left" vertical="center" shrinkToFit="1"/>
    </xf>
    <xf numFmtId="0" fontId="10" fillId="2" borderId="16" xfId="0" applyFont="1" applyFill="1" applyBorder="1" applyAlignment="1">
      <alignment horizontal="left" vertical="center" wrapText="1"/>
    </xf>
    <xf numFmtId="0" fontId="10" fillId="2" borderId="22" xfId="0" applyFont="1" applyFill="1" applyBorder="1" applyAlignment="1">
      <alignment horizontal="left" vertical="top" wrapText="1" shrinkToFit="1"/>
    </xf>
    <xf numFmtId="0" fontId="5" fillId="0" borderId="2" xfId="1" applyFont="1" applyBorder="1" applyAlignment="1">
      <alignment horizontal="left" vertical="center"/>
    </xf>
    <xf numFmtId="0" fontId="14" fillId="2" borderId="29" xfId="0" applyFont="1" applyFill="1" applyBorder="1" applyAlignment="1">
      <alignment horizontal="left" vertical="center" wrapText="1"/>
    </xf>
    <xf numFmtId="0" fontId="14" fillId="2" borderId="30" xfId="0" applyFont="1" applyFill="1" applyBorder="1" applyAlignment="1">
      <alignment horizontal="left" vertical="center" wrapText="1"/>
    </xf>
    <xf numFmtId="0" fontId="14" fillId="2" borderId="31" xfId="0" applyFont="1" applyFill="1" applyBorder="1" applyAlignment="1">
      <alignment horizontal="left" vertical="center" wrapText="1"/>
    </xf>
    <xf numFmtId="0" fontId="14" fillId="2" borderId="34" xfId="0" applyFont="1" applyFill="1" applyBorder="1" applyAlignment="1">
      <alignment horizontal="left" vertical="center" wrapText="1"/>
    </xf>
    <xf numFmtId="0" fontId="14" fillId="2" borderId="16" xfId="0" applyFont="1" applyFill="1" applyBorder="1" applyAlignment="1">
      <alignment horizontal="left" vertical="center" wrapText="1"/>
    </xf>
    <xf numFmtId="0" fontId="14" fillId="2" borderId="35" xfId="0" applyFont="1" applyFill="1" applyBorder="1" applyAlignment="1">
      <alignment horizontal="left" vertical="center" wrapText="1"/>
    </xf>
    <xf numFmtId="0" fontId="6" fillId="2" borderId="0" xfId="0" applyFont="1" applyFill="1" applyAlignment="1">
      <alignment vertical="center"/>
    </xf>
    <xf numFmtId="0" fontId="0" fillId="2" borderId="1" xfId="0" applyFill="1" applyBorder="1" applyAlignment="1">
      <alignment horizontal="left" vertical="center"/>
    </xf>
    <xf numFmtId="0" fontId="0" fillId="2" borderId="2" xfId="0" applyFill="1" applyBorder="1" applyAlignment="1">
      <alignment horizontal="left" vertical="center"/>
    </xf>
    <xf numFmtId="0" fontId="0" fillId="2" borderId="3" xfId="0" applyFill="1" applyBorder="1" applyAlignment="1">
      <alignment horizontal="left" vertical="center"/>
    </xf>
    <xf numFmtId="0" fontId="0" fillId="0" borderId="1" xfId="0" applyBorder="1" applyAlignment="1">
      <alignment horizontal="center" vertical="center" wrapText="1"/>
    </xf>
    <xf numFmtId="0" fontId="0" fillId="0" borderId="2"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10" xfId="0" applyBorder="1" applyAlignment="1">
      <alignment horizontal="center" vertical="center"/>
    </xf>
    <xf numFmtId="0" fontId="0" fillId="0" borderId="0" xfId="0"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47" xfId="0" applyBorder="1" applyAlignment="1">
      <alignment horizontal="center" vertical="center"/>
    </xf>
    <xf numFmtId="0" fontId="0" fillId="0" borderId="48" xfId="0" applyBorder="1" applyAlignment="1">
      <alignment horizontal="center" vertical="center"/>
    </xf>
    <xf numFmtId="0" fontId="0" fillId="0" borderId="1" xfId="0" applyBorder="1" applyAlignment="1">
      <alignment horizontal="center" vertical="center"/>
    </xf>
    <xf numFmtId="0" fontId="9" fillId="0" borderId="0" xfId="0" applyFont="1" applyAlignment="1">
      <alignment horizontal="center" vertical="center"/>
    </xf>
    <xf numFmtId="0" fontId="0" fillId="0" borderId="0" xfId="0" applyAlignment="1">
      <alignment vertical="center"/>
    </xf>
    <xf numFmtId="0" fontId="15" fillId="0" borderId="10" xfId="0" applyFont="1" applyBorder="1" applyAlignment="1">
      <alignment horizontal="left" vertical="center" wrapText="1"/>
    </xf>
    <xf numFmtId="0" fontId="15" fillId="0" borderId="0" xfId="0" applyFont="1" applyAlignment="1">
      <alignment horizontal="left" vertical="center" wrapText="1"/>
    </xf>
    <xf numFmtId="0" fontId="15" fillId="0" borderId="11" xfId="0" applyFont="1" applyBorder="1" applyAlignment="1">
      <alignment horizontal="left" vertical="center" wrapText="1"/>
    </xf>
    <xf numFmtId="0" fontId="0" fillId="0" borderId="1" xfId="0" applyBorder="1" applyAlignment="1">
      <alignment horizontal="left" vertical="center" wrapText="1"/>
    </xf>
    <xf numFmtId="0" fontId="0" fillId="0" borderId="2" xfId="0" applyBorder="1" applyAlignment="1">
      <alignment horizontal="left" vertical="center" wrapText="1"/>
    </xf>
    <xf numFmtId="0" fontId="0" fillId="0" borderId="3" xfId="0" applyBorder="1" applyAlignment="1">
      <alignment horizontal="left" vertical="center" wrapText="1"/>
    </xf>
    <xf numFmtId="0" fontId="0" fillId="0" borderId="10" xfId="0" applyBorder="1" applyAlignment="1">
      <alignment horizontal="left" vertical="center" wrapText="1"/>
    </xf>
    <xf numFmtId="0" fontId="0" fillId="0" borderId="0" xfId="0" applyAlignment="1">
      <alignment horizontal="left" vertical="center" wrapText="1"/>
    </xf>
    <xf numFmtId="0" fontId="0" fillId="0" borderId="11" xfId="0" applyBorder="1" applyAlignment="1">
      <alignment horizontal="left" vertical="center" wrapText="1"/>
    </xf>
    <xf numFmtId="0" fontId="0" fillId="0" borderId="47" xfId="0" applyBorder="1" applyAlignment="1">
      <alignment horizontal="left" vertical="center"/>
    </xf>
    <xf numFmtId="0" fontId="0" fillId="0" borderId="48" xfId="0" applyBorder="1" applyAlignment="1">
      <alignment horizontal="left" vertical="center"/>
    </xf>
    <xf numFmtId="0" fontId="0" fillId="0" borderId="10" xfId="0" applyBorder="1" applyAlignment="1">
      <alignment horizontal="left" vertical="center"/>
    </xf>
    <xf numFmtId="0" fontId="0" fillId="0" borderId="0" xfId="0" applyAlignment="1">
      <alignment horizontal="left" vertical="center"/>
    </xf>
    <xf numFmtId="0" fontId="0" fillId="0" borderId="7" xfId="0" applyBorder="1" applyAlignment="1">
      <alignment horizontal="left" vertical="center"/>
    </xf>
    <xf numFmtId="0" fontId="0" fillId="0" borderId="8" xfId="0" applyBorder="1" applyAlignment="1">
      <alignment horizontal="left" vertical="center"/>
    </xf>
    <xf numFmtId="0" fontId="0" fillId="0" borderId="36" xfId="0" applyBorder="1" applyAlignment="1">
      <alignment horizontal="left" vertical="center"/>
    </xf>
    <xf numFmtId="0" fontId="0" fillId="0" borderId="37" xfId="0" applyBorder="1" applyAlignment="1">
      <alignment horizontal="left" vertical="center"/>
    </xf>
    <xf numFmtId="0" fontId="0" fillId="0" borderId="38" xfId="0" applyBorder="1" applyAlignment="1">
      <alignment horizontal="left" vertical="center"/>
    </xf>
    <xf numFmtId="0" fontId="0" fillId="0" borderId="36" xfId="0" applyBorder="1" applyAlignment="1">
      <alignment horizontal="center" vertical="center"/>
    </xf>
    <xf numFmtId="0" fontId="0" fillId="0" borderId="37" xfId="0" applyBorder="1" applyAlignment="1">
      <alignment horizontal="center" vertical="center"/>
    </xf>
    <xf numFmtId="0" fontId="0" fillId="0" borderId="2" xfId="0" applyBorder="1" applyAlignment="1">
      <alignment vertical="center"/>
    </xf>
    <xf numFmtId="0" fontId="21" fillId="0" borderId="0" xfId="2" applyFont="1" applyAlignment="1">
      <alignment horizontal="center" vertical="center"/>
    </xf>
    <xf numFmtId="0" fontId="20" fillId="4" borderId="16" xfId="2" applyFont="1" applyFill="1" applyBorder="1" applyAlignment="1">
      <alignment horizontal="center" vertical="center" shrinkToFit="1"/>
    </xf>
    <xf numFmtId="0" fontId="20" fillId="4" borderId="18" xfId="2" applyFont="1" applyFill="1" applyBorder="1" applyAlignment="1">
      <alignment horizontal="center" vertical="center" shrinkToFit="1"/>
    </xf>
    <xf numFmtId="0" fontId="20" fillId="0" borderId="1" xfId="2" applyFont="1" applyBorder="1" applyAlignment="1">
      <alignment horizontal="center" vertical="center"/>
    </xf>
    <xf numFmtId="0" fontId="20" fillId="0" borderId="2" xfId="2" applyFont="1" applyBorder="1" applyAlignment="1">
      <alignment horizontal="center" vertical="center"/>
    </xf>
    <xf numFmtId="0" fontId="20" fillId="0" borderId="3" xfId="2" applyFont="1" applyBorder="1" applyAlignment="1">
      <alignment horizontal="center" vertical="center"/>
    </xf>
    <xf numFmtId="0" fontId="20" fillId="0" borderId="1" xfId="2" applyFont="1" applyBorder="1" applyAlignment="1">
      <alignment horizontal="center" vertical="center" wrapText="1"/>
    </xf>
    <xf numFmtId="0" fontId="20" fillId="0" borderId="2" xfId="2" applyFont="1" applyBorder="1" applyAlignment="1">
      <alignment horizontal="center" vertical="center" wrapText="1"/>
    </xf>
    <xf numFmtId="0" fontId="20" fillId="0" borderId="3" xfId="2" applyFont="1" applyBorder="1" applyAlignment="1">
      <alignment horizontal="center" vertical="center" wrapText="1"/>
    </xf>
    <xf numFmtId="0" fontId="20" fillId="4" borderId="1" xfId="2" applyFont="1" applyFill="1" applyBorder="1" applyAlignment="1">
      <alignment horizontal="center" vertical="center"/>
    </xf>
    <xf numFmtId="0" fontId="20" fillId="4" borderId="2" xfId="2" applyFont="1" applyFill="1" applyBorder="1" applyAlignment="1">
      <alignment horizontal="center" vertical="center"/>
    </xf>
    <xf numFmtId="0" fontId="22" fillId="0" borderId="4" xfId="2" applyFont="1" applyBorder="1" applyAlignment="1">
      <alignment horizontal="center" vertical="center" wrapText="1"/>
    </xf>
    <xf numFmtId="0" fontId="22" fillId="0" borderId="5" xfId="2" applyFont="1" applyBorder="1" applyAlignment="1">
      <alignment horizontal="center" vertical="center" wrapText="1"/>
    </xf>
    <xf numFmtId="0" fontId="22" fillId="0" borderId="6" xfId="2" applyFont="1" applyBorder="1" applyAlignment="1">
      <alignment horizontal="center" vertical="center" wrapText="1"/>
    </xf>
    <xf numFmtId="0" fontId="22" fillId="0" borderId="7" xfId="2" applyFont="1" applyBorder="1" applyAlignment="1">
      <alignment horizontal="center" vertical="center" wrapText="1"/>
    </xf>
    <xf numFmtId="0" fontId="22" fillId="0" borderId="8" xfId="2" applyFont="1" applyBorder="1" applyAlignment="1">
      <alignment horizontal="center" vertical="center" wrapText="1"/>
    </xf>
    <xf numFmtId="0" fontId="22" fillId="0" borderId="9" xfId="2" applyFont="1" applyBorder="1" applyAlignment="1">
      <alignment horizontal="center" vertical="center" wrapText="1"/>
    </xf>
    <xf numFmtId="0" fontId="20" fillId="4" borderId="4" xfId="2" applyFont="1" applyFill="1" applyBorder="1" applyAlignment="1">
      <alignment horizontal="center" vertical="center"/>
    </xf>
    <xf numFmtId="0" fontId="20" fillId="4" borderId="5" xfId="2" applyFont="1" applyFill="1" applyBorder="1" applyAlignment="1">
      <alignment horizontal="center" vertical="center"/>
    </xf>
    <xf numFmtId="0" fontId="20" fillId="4" borderId="6" xfId="2" applyFont="1" applyFill="1" applyBorder="1" applyAlignment="1">
      <alignment horizontal="center" vertical="center"/>
    </xf>
    <xf numFmtId="0" fontId="20" fillId="4" borderId="7" xfId="2" applyFont="1" applyFill="1" applyBorder="1" applyAlignment="1">
      <alignment horizontal="center" vertical="center"/>
    </xf>
    <xf numFmtId="0" fontId="20" fillId="4" borderId="8" xfId="2" applyFont="1" applyFill="1" applyBorder="1" applyAlignment="1">
      <alignment horizontal="center" vertical="center"/>
    </xf>
    <xf numFmtId="0" fontId="20" fillId="4" borderId="9" xfId="2" applyFont="1" applyFill="1" applyBorder="1" applyAlignment="1">
      <alignment horizontal="center" vertical="center"/>
    </xf>
    <xf numFmtId="0" fontId="20" fillId="0" borderId="10" xfId="2" applyFont="1" applyBorder="1" applyAlignment="1">
      <alignment horizontal="center" vertical="center"/>
    </xf>
    <xf numFmtId="0" fontId="20" fillId="0" borderId="4" xfId="2" applyFont="1" applyBorder="1" applyAlignment="1">
      <alignment horizontal="center" vertical="center" wrapText="1"/>
    </xf>
    <xf numFmtId="0" fontId="20" fillId="0" borderId="5" xfId="2" applyFont="1" applyBorder="1" applyAlignment="1">
      <alignment horizontal="center" vertical="center" wrapText="1"/>
    </xf>
    <xf numFmtId="0" fontId="20" fillId="0" borderId="6" xfId="2" applyFont="1" applyBorder="1" applyAlignment="1">
      <alignment horizontal="center" vertical="center" wrapText="1"/>
    </xf>
    <xf numFmtId="0" fontId="20" fillId="0" borderId="7" xfId="2" applyFont="1" applyBorder="1" applyAlignment="1">
      <alignment horizontal="center" vertical="center" wrapText="1"/>
    </xf>
    <xf numFmtId="0" fontId="20" fillId="0" borderId="8" xfId="2" applyFont="1" applyBorder="1" applyAlignment="1">
      <alignment horizontal="center" vertical="center" wrapText="1"/>
    </xf>
    <xf numFmtId="0" fontId="20" fillId="0" borderId="9" xfId="2" applyFont="1" applyBorder="1" applyAlignment="1">
      <alignment horizontal="center" vertical="center" wrapText="1"/>
    </xf>
    <xf numFmtId="178" fontId="23" fillId="5" borderId="4" xfId="3" applyNumberFormat="1" applyFont="1" applyFill="1" applyBorder="1" applyAlignment="1">
      <alignment horizontal="center" vertical="center"/>
    </xf>
    <xf numFmtId="178" fontId="23" fillId="5" borderId="5" xfId="3" applyNumberFormat="1" applyFont="1" applyFill="1" applyBorder="1" applyAlignment="1">
      <alignment horizontal="center" vertical="center"/>
    </xf>
    <xf numFmtId="178" fontId="23" fillId="5" borderId="6" xfId="3" applyNumberFormat="1" applyFont="1" applyFill="1" applyBorder="1" applyAlignment="1">
      <alignment horizontal="center" vertical="center"/>
    </xf>
    <xf numFmtId="178" fontId="23" fillId="5" borderId="7" xfId="3" applyNumberFormat="1" applyFont="1" applyFill="1" applyBorder="1" applyAlignment="1">
      <alignment horizontal="center" vertical="center"/>
    </xf>
    <xf numFmtId="178" fontId="23" fillId="5" borderId="8" xfId="3" applyNumberFormat="1" applyFont="1" applyFill="1" applyBorder="1" applyAlignment="1">
      <alignment horizontal="center" vertical="center"/>
    </xf>
    <xf numFmtId="178" fontId="23" fillId="5" borderId="9" xfId="3" applyNumberFormat="1" applyFont="1" applyFill="1" applyBorder="1" applyAlignment="1">
      <alignment horizontal="center" vertical="center"/>
    </xf>
    <xf numFmtId="0" fontId="24" fillId="0" borderId="0" xfId="2" applyFont="1" applyAlignment="1">
      <alignment horizontal="left" vertical="center"/>
    </xf>
    <xf numFmtId="0" fontId="20" fillId="0" borderId="0" xfId="2" applyFont="1" applyAlignment="1">
      <alignment horizontal="left" vertical="center"/>
    </xf>
    <xf numFmtId="0" fontId="0" fillId="0" borderId="1" xfId="0" applyBorder="1" applyAlignment="1">
      <alignment vertical="center" wrapText="1"/>
    </xf>
    <xf numFmtId="0" fontId="0" fillId="0" borderId="3" xfId="0" applyBorder="1" applyAlignment="1">
      <alignment vertical="center" wrapText="1"/>
    </xf>
    <xf numFmtId="0" fontId="6" fillId="0" borderId="0" xfId="0" applyFont="1" applyAlignment="1">
      <alignment horizontal="left" vertical="center"/>
    </xf>
    <xf numFmtId="0" fontId="6" fillId="0" borderId="0" xfId="0" applyFont="1" applyAlignment="1">
      <alignment vertical="center" wrapText="1"/>
    </xf>
    <xf numFmtId="0" fontId="0" fillId="0" borderId="0" xfId="0" applyAlignment="1">
      <alignment vertical="center" wrapText="1"/>
    </xf>
    <xf numFmtId="0" fontId="0" fillId="0" borderId="12" xfId="0" applyBorder="1" applyAlignment="1">
      <alignment vertical="center"/>
    </xf>
    <xf numFmtId="0" fontId="0" fillId="0" borderId="39" xfId="0" applyBorder="1" applyAlignment="1">
      <alignment vertical="center"/>
    </xf>
    <xf numFmtId="0" fontId="0" fillId="0" borderId="40" xfId="0" applyBorder="1" applyAlignment="1">
      <alignment vertical="center"/>
    </xf>
    <xf numFmtId="0" fontId="0" fillId="0" borderId="3" xfId="0" applyBorder="1" applyAlignment="1">
      <alignment horizontal="center" vertical="center" wrapText="1"/>
    </xf>
    <xf numFmtId="0" fontId="0" fillId="3" borderId="12" xfId="0" applyFill="1" applyBorder="1" applyAlignment="1">
      <alignment vertical="center" wrapText="1"/>
    </xf>
    <xf numFmtId="0" fontId="0" fillId="3" borderId="12" xfId="0" applyFill="1" applyBorder="1" applyAlignment="1">
      <alignment vertical="center"/>
    </xf>
    <xf numFmtId="0" fontId="0" fillId="0" borderId="1" xfId="0" applyBorder="1" applyAlignment="1">
      <alignment vertical="center"/>
    </xf>
    <xf numFmtId="0" fontId="0" fillId="0" borderId="3" xfId="0" applyBorder="1" applyAlignment="1">
      <alignment vertical="center"/>
    </xf>
    <xf numFmtId="0" fontId="0" fillId="0" borderId="42" xfId="0" applyBorder="1" applyAlignment="1">
      <alignment horizontal="center" vertical="center"/>
    </xf>
    <xf numFmtId="0" fontId="0" fillId="0" borderId="43" xfId="0" applyBorder="1" applyAlignment="1">
      <alignment horizontal="center" vertical="center"/>
    </xf>
    <xf numFmtId="0" fontId="0" fillId="0" borderId="44" xfId="0" applyBorder="1" applyAlignment="1">
      <alignment horizontal="center" vertical="center"/>
    </xf>
    <xf numFmtId="0" fontId="0" fillId="0" borderId="45" xfId="0" applyBorder="1" applyAlignment="1">
      <alignment horizontal="center" vertical="center"/>
    </xf>
    <xf numFmtId="177" fontId="0" fillId="3" borderId="1" xfId="0" applyNumberFormat="1" applyFill="1" applyBorder="1" applyAlignment="1">
      <alignment horizontal="center" vertical="center"/>
    </xf>
    <xf numFmtId="177" fontId="0" fillId="3" borderId="3" xfId="0" applyNumberFormat="1" applyFill="1" applyBorder="1" applyAlignment="1">
      <alignment horizontal="center" vertical="center"/>
    </xf>
    <xf numFmtId="0" fontId="0" fillId="0" borderId="1" xfId="0" applyBorder="1" applyAlignment="1">
      <alignment horizontal="left" vertical="center"/>
    </xf>
    <xf numFmtId="0" fontId="0" fillId="0" borderId="2" xfId="0" applyBorder="1" applyAlignment="1">
      <alignment horizontal="left" vertical="center"/>
    </xf>
    <xf numFmtId="0" fontId="0" fillId="0" borderId="2" xfId="0" applyBorder="1" applyAlignment="1">
      <alignment horizontal="center" vertical="center" wrapText="1"/>
    </xf>
    <xf numFmtId="0" fontId="0" fillId="3" borderId="4" xfId="0" applyFill="1" applyBorder="1" applyAlignment="1">
      <alignment horizontal="center" vertical="center" wrapText="1"/>
    </xf>
    <xf numFmtId="0" fontId="0" fillId="3" borderId="5" xfId="0" applyFill="1" applyBorder="1" applyAlignment="1">
      <alignment horizontal="center" vertical="center" wrapText="1"/>
    </xf>
    <xf numFmtId="0" fontId="0" fillId="3" borderId="7" xfId="0" applyFill="1" applyBorder="1" applyAlignment="1">
      <alignment horizontal="center" vertical="center" wrapText="1"/>
    </xf>
    <xf numFmtId="0" fontId="0" fillId="3" borderId="8" xfId="0" applyFill="1" applyBorder="1" applyAlignment="1">
      <alignment horizontal="center" vertical="center" wrapText="1"/>
    </xf>
    <xf numFmtId="177" fontId="0" fillId="3" borderId="2" xfId="0" applyNumberFormat="1" applyFill="1" applyBorder="1" applyAlignment="1">
      <alignment horizontal="center" vertical="center"/>
    </xf>
    <xf numFmtId="0" fontId="6" fillId="0" borderId="0" xfId="0" applyFont="1" applyAlignment="1">
      <alignment horizontal="center" vertical="center"/>
    </xf>
    <xf numFmtId="0" fontId="0" fillId="0" borderId="2" xfId="0" applyBorder="1" applyAlignment="1">
      <alignment vertical="center" wrapText="1"/>
    </xf>
  </cellXfs>
  <cellStyles count="4">
    <cellStyle name="パーセント 2 2 2" xfId="3" xr:uid="{836FF5D9-32BB-4CD1-B42C-B9DB85843E6F}"/>
    <cellStyle name="標準" xfId="0" builtinId="0"/>
    <cellStyle name="標準 2" xfId="1" xr:uid="{00000000-0005-0000-0000-000001000000}"/>
    <cellStyle name="標準 3 2 2" xfId="2" xr:uid="{2030600E-A8B8-4DDC-9F52-51E1D44719C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1F3F1F-35F8-44A6-A114-D55B41852619}">
  <dimension ref="B2:AJ73"/>
  <sheetViews>
    <sheetView tabSelected="1" zoomScale="80" zoomScaleNormal="80" workbookViewId="0">
      <selection activeCell="AF14" sqref="AF14"/>
    </sheetView>
  </sheetViews>
  <sheetFormatPr defaultColWidth="4" defaultRowHeight="13.5"/>
  <cols>
    <col min="1" max="1" width="2.875" style="1" customWidth="1"/>
    <col min="2" max="2" width="2.375" style="1" customWidth="1"/>
    <col min="3" max="12" width="3.625" style="1" customWidth="1"/>
    <col min="13" max="13" width="4.875" style="1" customWidth="1"/>
    <col min="14" max="21" width="3.625" style="1" customWidth="1"/>
    <col min="22" max="22" width="2.875" style="1" customWidth="1"/>
    <col min="23" max="23" width="5" style="1" customWidth="1"/>
    <col min="24" max="27" width="3.25" style="1" customWidth="1"/>
    <col min="28" max="28" width="3.75" style="1" customWidth="1"/>
    <col min="29" max="29" width="0.875" style="1" customWidth="1"/>
    <col min="30" max="256" width="4" style="1"/>
    <col min="257" max="257" width="2.875" style="1" customWidth="1"/>
    <col min="258" max="258" width="2.375" style="1" customWidth="1"/>
    <col min="259" max="268" width="3.625" style="1" customWidth="1"/>
    <col min="269" max="269" width="4.875" style="1" customWidth="1"/>
    <col min="270" max="277" width="3.625" style="1" customWidth="1"/>
    <col min="278" max="278" width="2.875" style="1" customWidth="1"/>
    <col min="279" max="279" width="5" style="1" customWidth="1"/>
    <col min="280" max="283" width="3.25" style="1" customWidth="1"/>
    <col min="284" max="284" width="3.75" style="1" customWidth="1"/>
    <col min="285" max="285" width="0.875" style="1" customWidth="1"/>
    <col min="286" max="512" width="4" style="1"/>
    <col min="513" max="513" width="2.875" style="1" customWidth="1"/>
    <col min="514" max="514" width="2.375" style="1" customWidth="1"/>
    <col min="515" max="524" width="3.625" style="1" customWidth="1"/>
    <col min="525" max="525" width="4.875" style="1" customWidth="1"/>
    <col min="526" max="533" width="3.625" style="1" customWidth="1"/>
    <col min="534" max="534" width="2.875" style="1" customWidth="1"/>
    <col min="535" max="535" width="5" style="1" customWidth="1"/>
    <col min="536" max="539" width="3.25" style="1" customWidth="1"/>
    <col min="540" max="540" width="3.75" style="1" customWidth="1"/>
    <col min="541" max="541" width="0.875" style="1" customWidth="1"/>
    <col min="542" max="768" width="4" style="1"/>
    <col min="769" max="769" width="2.875" style="1" customWidth="1"/>
    <col min="770" max="770" width="2.375" style="1" customWidth="1"/>
    <col min="771" max="780" width="3.625" style="1" customWidth="1"/>
    <col min="781" max="781" width="4.875" style="1" customWidth="1"/>
    <col min="782" max="789" width="3.625" style="1" customWidth="1"/>
    <col min="790" max="790" width="2.875" style="1" customWidth="1"/>
    <col min="791" max="791" width="5" style="1" customWidth="1"/>
    <col min="792" max="795" width="3.25" style="1" customWidth="1"/>
    <col min="796" max="796" width="3.75" style="1" customWidth="1"/>
    <col min="797" max="797" width="0.875" style="1" customWidth="1"/>
    <col min="798" max="1024" width="4" style="1"/>
    <col min="1025" max="1025" width="2.875" style="1" customWidth="1"/>
    <col min="1026" max="1026" width="2.375" style="1" customWidth="1"/>
    <col min="1027" max="1036" width="3.625" style="1" customWidth="1"/>
    <col min="1037" max="1037" width="4.875" style="1" customWidth="1"/>
    <col min="1038" max="1045" width="3.625" style="1" customWidth="1"/>
    <col min="1046" max="1046" width="2.875" style="1" customWidth="1"/>
    <col min="1047" max="1047" width="5" style="1" customWidth="1"/>
    <col min="1048" max="1051" width="3.25" style="1" customWidth="1"/>
    <col min="1052" max="1052" width="3.75" style="1" customWidth="1"/>
    <col min="1053" max="1053" width="0.875" style="1" customWidth="1"/>
    <col min="1054" max="1280" width="4" style="1"/>
    <col min="1281" max="1281" width="2.875" style="1" customWidth="1"/>
    <col min="1282" max="1282" width="2.375" style="1" customWidth="1"/>
    <col min="1283" max="1292" width="3.625" style="1" customWidth="1"/>
    <col min="1293" max="1293" width="4.875" style="1" customWidth="1"/>
    <col min="1294" max="1301" width="3.625" style="1" customWidth="1"/>
    <col min="1302" max="1302" width="2.875" style="1" customWidth="1"/>
    <col min="1303" max="1303" width="5" style="1" customWidth="1"/>
    <col min="1304" max="1307" width="3.25" style="1" customWidth="1"/>
    <col min="1308" max="1308" width="3.75" style="1" customWidth="1"/>
    <col min="1309" max="1309" width="0.875" style="1" customWidth="1"/>
    <col min="1310" max="1536" width="4" style="1"/>
    <col min="1537" max="1537" width="2.875" style="1" customWidth="1"/>
    <col min="1538" max="1538" width="2.375" style="1" customWidth="1"/>
    <col min="1539" max="1548" width="3.625" style="1" customWidth="1"/>
    <col min="1549" max="1549" width="4.875" style="1" customWidth="1"/>
    <col min="1550" max="1557" width="3.625" style="1" customWidth="1"/>
    <col min="1558" max="1558" width="2.875" style="1" customWidth="1"/>
    <col min="1559" max="1559" width="5" style="1" customWidth="1"/>
    <col min="1560" max="1563" width="3.25" style="1" customWidth="1"/>
    <col min="1564" max="1564" width="3.75" style="1" customWidth="1"/>
    <col min="1565" max="1565" width="0.875" style="1" customWidth="1"/>
    <col min="1566" max="1792" width="4" style="1"/>
    <col min="1793" max="1793" width="2.875" style="1" customWidth="1"/>
    <col min="1794" max="1794" width="2.375" style="1" customWidth="1"/>
    <col min="1795" max="1804" width="3.625" style="1" customWidth="1"/>
    <col min="1805" max="1805" width="4.875" style="1" customWidth="1"/>
    <col min="1806" max="1813" width="3.625" style="1" customWidth="1"/>
    <col min="1814" max="1814" width="2.875" style="1" customWidth="1"/>
    <col min="1815" max="1815" width="5" style="1" customWidth="1"/>
    <col min="1816" max="1819" width="3.25" style="1" customWidth="1"/>
    <col min="1820" max="1820" width="3.75" style="1" customWidth="1"/>
    <col min="1821" max="1821" width="0.875" style="1" customWidth="1"/>
    <col min="1822" max="2048" width="4" style="1"/>
    <col min="2049" max="2049" width="2.875" style="1" customWidth="1"/>
    <col min="2050" max="2050" width="2.375" style="1" customWidth="1"/>
    <col min="2051" max="2060" width="3.625" style="1" customWidth="1"/>
    <col min="2061" max="2061" width="4.875" style="1" customWidth="1"/>
    <col min="2062" max="2069" width="3.625" style="1" customWidth="1"/>
    <col min="2070" max="2070" width="2.875" style="1" customWidth="1"/>
    <col min="2071" max="2071" width="5" style="1" customWidth="1"/>
    <col min="2072" max="2075" width="3.25" style="1" customWidth="1"/>
    <col min="2076" max="2076" width="3.75" style="1" customWidth="1"/>
    <col min="2077" max="2077" width="0.875" style="1" customWidth="1"/>
    <col min="2078" max="2304" width="4" style="1"/>
    <col min="2305" max="2305" width="2.875" style="1" customWidth="1"/>
    <col min="2306" max="2306" width="2.375" style="1" customWidth="1"/>
    <col min="2307" max="2316" width="3.625" style="1" customWidth="1"/>
    <col min="2317" max="2317" width="4.875" style="1" customWidth="1"/>
    <col min="2318" max="2325" width="3.625" style="1" customWidth="1"/>
    <col min="2326" max="2326" width="2.875" style="1" customWidth="1"/>
    <col min="2327" max="2327" width="5" style="1" customWidth="1"/>
    <col min="2328" max="2331" width="3.25" style="1" customWidth="1"/>
    <col min="2332" max="2332" width="3.75" style="1" customWidth="1"/>
    <col min="2333" max="2333" width="0.875" style="1" customWidth="1"/>
    <col min="2334" max="2560" width="4" style="1"/>
    <col min="2561" max="2561" width="2.875" style="1" customWidth="1"/>
    <col min="2562" max="2562" width="2.375" style="1" customWidth="1"/>
    <col min="2563" max="2572" width="3.625" style="1" customWidth="1"/>
    <col min="2573" max="2573" width="4.875" style="1" customWidth="1"/>
    <col min="2574" max="2581" width="3.625" style="1" customWidth="1"/>
    <col min="2582" max="2582" width="2.875" style="1" customWidth="1"/>
    <col min="2583" max="2583" width="5" style="1" customWidth="1"/>
    <col min="2584" max="2587" width="3.25" style="1" customWidth="1"/>
    <col min="2588" max="2588" width="3.75" style="1" customWidth="1"/>
    <col min="2589" max="2589" width="0.875" style="1" customWidth="1"/>
    <col min="2590" max="2816" width="4" style="1"/>
    <col min="2817" max="2817" width="2.875" style="1" customWidth="1"/>
    <col min="2818" max="2818" width="2.375" style="1" customWidth="1"/>
    <col min="2819" max="2828" width="3.625" style="1" customWidth="1"/>
    <col min="2829" max="2829" width="4.875" style="1" customWidth="1"/>
    <col min="2830" max="2837" width="3.625" style="1" customWidth="1"/>
    <col min="2838" max="2838" width="2.875" style="1" customWidth="1"/>
    <col min="2839" max="2839" width="5" style="1" customWidth="1"/>
    <col min="2840" max="2843" width="3.25" style="1" customWidth="1"/>
    <col min="2844" max="2844" width="3.75" style="1" customWidth="1"/>
    <col min="2845" max="2845" width="0.875" style="1" customWidth="1"/>
    <col min="2846" max="3072" width="4" style="1"/>
    <col min="3073" max="3073" width="2.875" style="1" customWidth="1"/>
    <col min="3074" max="3074" width="2.375" style="1" customWidth="1"/>
    <col min="3075" max="3084" width="3.625" style="1" customWidth="1"/>
    <col min="3085" max="3085" width="4.875" style="1" customWidth="1"/>
    <col min="3086" max="3093" width="3.625" style="1" customWidth="1"/>
    <col min="3094" max="3094" width="2.875" style="1" customWidth="1"/>
    <col min="3095" max="3095" width="5" style="1" customWidth="1"/>
    <col min="3096" max="3099" width="3.25" style="1" customWidth="1"/>
    <col min="3100" max="3100" width="3.75" style="1" customWidth="1"/>
    <col min="3101" max="3101" width="0.875" style="1" customWidth="1"/>
    <col min="3102" max="3328" width="4" style="1"/>
    <col min="3329" max="3329" width="2.875" style="1" customWidth="1"/>
    <col min="3330" max="3330" width="2.375" style="1" customWidth="1"/>
    <col min="3331" max="3340" width="3.625" style="1" customWidth="1"/>
    <col min="3341" max="3341" width="4.875" style="1" customWidth="1"/>
    <col min="3342" max="3349" width="3.625" style="1" customWidth="1"/>
    <col min="3350" max="3350" width="2.875" style="1" customWidth="1"/>
    <col min="3351" max="3351" width="5" style="1" customWidth="1"/>
    <col min="3352" max="3355" width="3.25" style="1" customWidth="1"/>
    <col min="3356" max="3356" width="3.75" style="1" customWidth="1"/>
    <col min="3357" max="3357" width="0.875" style="1" customWidth="1"/>
    <col min="3358" max="3584" width="4" style="1"/>
    <col min="3585" max="3585" width="2.875" style="1" customWidth="1"/>
    <col min="3586" max="3586" width="2.375" style="1" customWidth="1"/>
    <col min="3587" max="3596" width="3.625" style="1" customWidth="1"/>
    <col min="3597" max="3597" width="4.875" style="1" customWidth="1"/>
    <col min="3598" max="3605" width="3.625" style="1" customWidth="1"/>
    <col min="3606" max="3606" width="2.875" style="1" customWidth="1"/>
    <col min="3607" max="3607" width="5" style="1" customWidth="1"/>
    <col min="3608" max="3611" width="3.25" style="1" customWidth="1"/>
    <col min="3612" max="3612" width="3.75" style="1" customWidth="1"/>
    <col min="3613" max="3613" width="0.875" style="1" customWidth="1"/>
    <col min="3614" max="3840" width="4" style="1"/>
    <col min="3841" max="3841" width="2.875" style="1" customWidth="1"/>
    <col min="3842" max="3842" width="2.375" style="1" customWidth="1"/>
    <col min="3843" max="3852" width="3.625" style="1" customWidth="1"/>
    <col min="3853" max="3853" width="4.875" style="1" customWidth="1"/>
    <col min="3854" max="3861" width="3.625" style="1" customWidth="1"/>
    <col min="3862" max="3862" width="2.875" style="1" customWidth="1"/>
    <col min="3863" max="3863" width="5" style="1" customWidth="1"/>
    <col min="3864" max="3867" width="3.25" style="1" customWidth="1"/>
    <col min="3868" max="3868" width="3.75" style="1" customWidth="1"/>
    <col min="3869" max="3869" width="0.875" style="1" customWidth="1"/>
    <col min="3870" max="4096" width="4" style="1"/>
    <col min="4097" max="4097" width="2.875" style="1" customWidth="1"/>
    <col min="4098" max="4098" width="2.375" style="1" customWidth="1"/>
    <col min="4099" max="4108" width="3.625" style="1" customWidth="1"/>
    <col min="4109" max="4109" width="4.875" style="1" customWidth="1"/>
    <col min="4110" max="4117" width="3.625" style="1" customWidth="1"/>
    <col min="4118" max="4118" width="2.875" style="1" customWidth="1"/>
    <col min="4119" max="4119" width="5" style="1" customWidth="1"/>
    <col min="4120" max="4123" width="3.25" style="1" customWidth="1"/>
    <col min="4124" max="4124" width="3.75" style="1" customWidth="1"/>
    <col min="4125" max="4125" width="0.875" style="1" customWidth="1"/>
    <col min="4126" max="4352" width="4" style="1"/>
    <col min="4353" max="4353" width="2.875" style="1" customWidth="1"/>
    <col min="4354" max="4354" width="2.375" style="1" customWidth="1"/>
    <col min="4355" max="4364" width="3.625" style="1" customWidth="1"/>
    <col min="4365" max="4365" width="4.875" style="1" customWidth="1"/>
    <col min="4366" max="4373" width="3.625" style="1" customWidth="1"/>
    <col min="4374" max="4374" width="2.875" style="1" customWidth="1"/>
    <col min="4375" max="4375" width="5" style="1" customWidth="1"/>
    <col min="4376" max="4379" width="3.25" style="1" customWidth="1"/>
    <col min="4380" max="4380" width="3.75" style="1" customWidth="1"/>
    <col min="4381" max="4381" width="0.875" style="1" customWidth="1"/>
    <col min="4382" max="4608" width="4" style="1"/>
    <col min="4609" max="4609" width="2.875" style="1" customWidth="1"/>
    <col min="4610" max="4610" width="2.375" style="1" customWidth="1"/>
    <col min="4611" max="4620" width="3.625" style="1" customWidth="1"/>
    <col min="4621" max="4621" width="4.875" style="1" customWidth="1"/>
    <col min="4622" max="4629" width="3.625" style="1" customWidth="1"/>
    <col min="4630" max="4630" width="2.875" style="1" customWidth="1"/>
    <col min="4631" max="4631" width="5" style="1" customWidth="1"/>
    <col min="4632" max="4635" width="3.25" style="1" customWidth="1"/>
    <col min="4636" max="4636" width="3.75" style="1" customWidth="1"/>
    <col min="4637" max="4637" width="0.875" style="1" customWidth="1"/>
    <col min="4638" max="4864" width="4" style="1"/>
    <col min="4865" max="4865" width="2.875" style="1" customWidth="1"/>
    <col min="4866" max="4866" width="2.375" style="1" customWidth="1"/>
    <col min="4867" max="4876" width="3.625" style="1" customWidth="1"/>
    <col min="4877" max="4877" width="4.875" style="1" customWidth="1"/>
    <col min="4878" max="4885" width="3.625" style="1" customWidth="1"/>
    <col min="4886" max="4886" width="2.875" style="1" customWidth="1"/>
    <col min="4887" max="4887" width="5" style="1" customWidth="1"/>
    <col min="4888" max="4891" width="3.25" style="1" customWidth="1"/>
    <col min="4892" max="4892" width="3.75" style="1" customWidth="1"/>
    <col min="4893" max="4893" width="0.875" style="1" customWidth="1"/>
    <col min="4894" max="5120" width="4" style="1"/>
    <col min="5121" max="5121" width="2.875" style="1" customWidth="1"/>
    <col min="5122" max="5122" width="2.375" style="1" customWidth="1"/>
    <col min="5123" max="5132" width="3.625" style="1" customWidth="1"/>
    <col min="5133" max="5133" width="4.875" style="1" customWidth="1"/>
    <col min="5134" max="5141" width="3.625" style="1" customWidth="1"/>
    <col min="5142" max="5142" width="2.875" style="1" customWidth="1"/>
    <col min="5143" max="5143" width="5" style="1" customWidth="1"/>
    <col min="5144" max="5147" width="3.25" style="1" customWidth="1"/>
    <col min="5148" max="5148" width="3.75" style="1" customWidth="1"/>
    <col min="5149" max="5149" width="0.875" style="1" customWidth="1"/>
    <col min="5150" max="5376" width="4" style="1"/>
    <col min="5377" max="5377" width="2.875" style="1" customWidth="1"/>
    <col min="5378" max="5378" width="2.375" style="1" customWidth="1"/>
    <col min="5379" max="5388" width="3.625" style="1" customWidth="1"/>
    <col min="5389" max="5389" width="4.875" style="1" customWidth="1"/>
    <col min="5390" max="5397" width="3.625" style="1" customWidth="1"/>
    <col min="5398" max="5398" width="2.875" style="1" customWidth="1"/>
    <col min="5399" max="5399" width="5" style="1" customWidth="1"/>
    <col min="5400" max="5403" width="3.25" style="1" customWidth="1"/>
    <col min="5404" max="5404" width="3.75" style="1" customWidth="1"/>
    <col min="5405" max="5405" width="0.875" style="1" customWidth="1"/>
    <col min="5406" max="5632" width="4" style="1"/>
    <col min="5633" max="5633" width="2.875" style="1" customWidth="1"/>
    <col min="5634" max="5634" width="2.375" style="1" customWidth="1"/>
    <col min="5635" max="5644" width="3.625" style="1" customWidth="1"/>
    <col min="5645" max="5645" width="4.875" style="1" customWidth="1"/>
    <col min="5646" max="5653" width="3.625" style="1" customWidth="1"/>
    <col min="5654" max="5654" width="2.875" style="1" customWidth="1"/>
    <col min="5655" max="5655" width="5" style="1" customWidth="1"/>
    <col min="5656" max="5659" width="3.25" style="1" customWidth="1"/>
    <col min="5660" max="5660" width="3.75" style="1" customWidth="1"/>
    <col min="5661" max="5661" width="0.875" style="1" customWidth="1"/>
    <col min="5662" max="5888" width="4" style="1"/>
    <col min="5889" max="5889" width="2.875" style="1" customWidth="1"/>
    <col min="5890" max="5890" width="2.375" style="1" customWidth="1"/>
    <col min="5891" max="5900" width="3.625" style="1" customWidth="1"/>
    <col min="5901" max="5901" width="4.875" style="1" customWidth="1"/>
    <col min="5902" max="5909" width="3.625" style="1" customWidth="1"/>
    <col min="5910" max="5910" width="2.875" style="1" customWidth="1"/>
    <col min="5911" max="5911" width="5" style="1" customWidth="1"/>
    <col min="5912" max="5915" width="3.25" style="1" customWidth="1"/>
    <col min="5916" max="5916" width="3.75" style="1" customWidth="1"/>
    <col min="5917" max="5917" width="0.875" style="1" customWidth="1"/>
    <col min="5918" max="6144" width="4" style="1"/>
    <col min="6145" max="6145" width="2.875" style="1" customWidth="1"/>
    <col min="6146" max="6146" width="2.375" style="1" customWidth="1"/>
    <col min="6147" max="6156" width="3.625" style="1" customWidth="1"/>
    <col min="6157" max="6157" width="4.875" style="1" customWidth="1"/>
    <col min="6158" max="6165" width="3.625" style="1" customWidth="1"/>
    <col min="6166" max="6166" width="2.875" style="1" customWidth="1"/>
    <col min="6167" max="6167" width="5" style="1" customWidth="1"/>
    <col min="6168" max="6171" width="3.25" style="1" customWidth="1"/>
    <col min="6172" max="6172" width="3.75" style="1" customWidth="1"/>
    <col min="6173" max="6173" width="0.875" style="1" customWidth="1"/>
    <col min="6174" max="6400" width="4" style="1"/>
    <col min="6401" max="6401" width="2.875" style="1" customWidth="1"/>
    <col min="6402" max="6402" width="2.375" style="1" customWidth="1"/>
    <col min="6403" max="6412" width="3.625" style="1" customWidth="1"/>
    <col min="6413" max="6413" width="4.875" style="1" customWidth="1"/>
    <col min="6414" max="6421" width="3.625" style="1" customWidth="1"/>
    <col min="6422" max="6422" width="2.875" style="1" customWidth="1"/>
    <col min="6423" max="6423" width="5" style="1" customWidth="1"/>
    <col min="6424" max="6427" width="3.25" style="1" customWidth="1"/>
    <col min="6428" max="6428" width="3.75" style="1" customWidth="1"/>
    <col min="6429" max="6429" width="0.875" style="1" customWidth="1"/>
    <col min="6430" max="6656" width="4" style="1"/>
    <col min="6657" max="6657" width="2.875" style="1" customWidth="1"/>
    <col min="6658" max="6658" width="2.375" style="1" customWidth="1"/>
    <col min="6659" max="6668" width="3.625" style="1" customWidth="1"/>
    <col min="6669" max="6669" width="4.875" style="1" customWidth="1"/>
    <col min="6670" max="6677" width="3.625" style="1" customWidth="1"/>
    <col min="6678" max="6678" width="2.875" style="1" customWidth="1"/>
    <col min="6679" max="6679" width="5" style="1" customWidth="1"/>
    <col min="6680" max="6683" width="3.25" style="1" customWidth="1"/>
    <col min="6684" max="6684" width="3.75" style="1" customWidth="1"/>
    <col min="6685" max="6685" width="0.875" style="1" customWidth="1"/>
    <col min="6686" max="6912" width="4" style="1"/>
    <col min="6913" max="6913" width="2.875" style="1" customWidth="1"/>
    <col min="6914" max="6914" width="2.375" style="1" customWidth="1"/>
    <col min="6915" max="6924" width="3.625" style="1" customWidth="1"/>
    <col min="6925" max="6925" width="4.875" style="1" customWidth="1"/>
    <col min="6926" max="6933" width="3.625" style="1" customWidth="1"/>
    <col min="6934" max="6934" width="2.875" style="1" customWidth="1"/>
    <col min="6935" max="6935" width="5" style="1" customWidth="1"/>
    <col min="6936" max="6939" width="3.25" style="1" customWidth="1"/>
    <col min="6940" max="6940" width="3.75" style="1" customWidth="1"/>
    <col min="6941" max="6941" width="0.875" style="1" customWidth="1"/>
    <col min="6942" max="7168" width="4" style="1"/>
    <col min="7169" max="7169" width="2.875" style="1" customWidth="1"/>
    <col min="7170" max="7170" width="2.375" style="1" customWidth="1"/>
    <col min="7171" max="7180" width="3.625" style="1" customWidth="1"/>
    <col min="7181" max="7181" width="4.875" style="1" customWidth="1"/>
    <col min="7182" max="7189" width="3.625" style="1" customWidth="1"/>
    <col min="7190" max="7190" width="2.875" style="1" customWidth="1"/>
    <col min="7191" max="7191" width="5" style="1" customWidth="1"/>
    <col min="7192" max="7195" width="3.25" style="1" customWidth="1"/>
    <col min="7196" max="7196" width="3.75" style="1" customWidth="1"/>
    <col min="7197" max="7197" width="0.875" style="1" customWidth="1"/>
    <col min="7198" max="7424" width="4" style="1"/>
    <col min="7425" max="7425" width="2.875" style="1" customWidth="1"/>
    <col min="7426" max="7426" width="2.375" style="1" customWidth="1"/>
    <col min="7427" max="7436" width="3.625" style="1" customWidth="1"/>
    <col min="7437" max="7437" width="4.875" style="1" customWidth="1"/>
    <col min="7438" max="7445" width="3.625" style="1" customWidth="1"/>
    <col min="7446" max="7446" width="2.875" style="1" customWidth="1"/>
    <col min="7447" max="7447" width="5" style="1" customWidth="1"/>
    <col min="7448" max="7451" width="3.25" style="1" customWidth="1"/>
    <col min="7452" max="7452" width="3.75" style="1" customWidth="1"/>
    <col min="7453" max="7453" width="0.875" style="1" customWidth="1"/>
    <col min="7454" max="7680" width="4" style="1"/>
    <col min="7681" max="7681" width="2.875" style="1" customWidth="1"/>
    <col min="7682" max="7682" width="2.375" style="1" customWidth="1"/>
    <col min="7683" max="7692" width="3.625" style="1" customWidth="1"/>
    <col min="7693" max="7693" width="4.875" style="1" customWidth="1"/>
    <col min="7694" max="7701" width="3.625" style="1" customWidth="1"/>
    <col min="7702" max="7702" width="2.875" style="1" customWidth="1"/>
    <col min="7703" max="7703" width="5" style="1" customWidth="1"/>
    <col min="7704" max="7707" width="3.25" style="1" customWidth="1"/>
    <col min="7708" max="7708" width="3.75" style="1" customWidth="1"/>
    <col min="7709" max="7709" width="0.875" style="1" customWidth="1"/>
    <col min="7710" max="7936" width="4" style="1"/>
    <col min="7937" max="7937" width="2.875" style="1" customWidth="1"/>
    <col min="7938" max="7938" width="2.375" style="1" customWidth="1"/>
    <col min="7939" max="7948" width="3.625" style="1" customWidth="1"/>
    <col min="7949" max="7949" width="4.875" style="1" customWidth="1"/>
    <col min="7950" max="7957" width="3.625" style="1" customWidth="1"/>
    <col min="7958" max="7958" width="2.875" style="1" customWidth="1"/>
    <col min="7959" max="7959" width="5" style="1" customWidth="1"/>
    <col min="7960" max="7963" width="3.25" style="1" customWidth="1"/>
    <col min="7964" max="7964" width="3.75" style="1" customWidth="1"/>
    <col min="7965" max="7965" width="0.875" style="1" customWidth="1"/>
    <col min="7966" max="8192" width="4" style="1"/>
    <col min="8193" max="8193" width="2.875" style="1" customWidth="1"/>
    <col min="8194" max="8194" width="2.375" style="1" customWidth="1"/>
    <col min="8195" max="8204" width="3.625" style="1" customWidth="1"/>
    <col min="8205" max="8205" width="4.875" style="1" customWidth="1"/>
    <col min="8206" max="8213" width="3.625" style="1" customWidth="1"/>
    <col min="8214" max="8214" width="2.875" style="1" customWidth="1"/>
    <col min="8215" max="8215" width="5" style="1" customWidth="1"/>
    <col min="8216" max="8219" width="3.25" style="1" customWidth="1"/>
    <col min="8220" max="8220" width="3.75" style="1" customWidth="1"/>
    <col min="8221" max="8221" width="0.875" style="1" customWidth="1"/>
    <col min="8222" max="8448" width="4" style="1"/>
    <col min="8449" max="8449" width="2.875" style="1" customWidth="1"/>
    <col min="8450" max="8450" width="2.375" style="1" customWidth="1"/>
    <col min="8451" max="8460" width="3.625" style="1" customWidth="1"/>
    <col min="8461" max="8461" width="4.875" style="1" customWidth="1"/>
    <col min="8462" max="8469" width="3.625" style="1" customWidth="1"/>
    <col min="8470" max="8470" width="2.875" style="1" customWidth="1"/>
    <col min="8471" max="8471" width="5" style="1" customWidth="1"/>
    <col min="8472" max="8475" width="3.25" style="1" customWidth="1"/>
    <col min="8476" max="8476" width="3.75" style="1" customWidth="1"/>
    <col min="8477" max="8477" width="0.875" style="1" customWidth="1"/>
    <col min="8478" max="8704" width="4" style="1"/>
    <col min="8705" max="8705" width="2.875" style="1" customWidth="1"/>
    <col min="8706" max="8706" width="2.375" style="1" customWidth="1"/>
    <col min="8707" max="8716" width="3.625" style="1" customWidth="1"/>
    <col min="8717" max="8717" width="4.875" style="1" customWidth="1"/>
    <col min="8718" max="8725" width="3.625" style="1" customWidth="1"/>
    <col min="8726" max="8726" width="2.875" style="1" customWidth="1"/>
    <col min="8727" max="8727" width="5" style="1" customWidth="1"/>
    <col min="8728" max="8731" width="3.25" style="1" customWidth="1"/>
    <col min="8732" max="8732" width="3.75" style="1" customWidth="1"/>
    <col min="8733" max="8733" width="0.875" style="1" customWidth="1"/>
    <col min="8734" max="8960" width="4" style="1"/>
    <col min="8961" max="8961" width="2.875" style="1" customWidth="1"/>
    <col min="8962" max="8962" width="2.375" style="1" customWidth="1"/>
    <col min="8963" max="8972" width="3.625" style="1" customWidth="1"/>
    <col min="8973" max="8973" width="4.875" style="1" customWidth="1"/>
    <col min="8974" max="8981" width="3.625" style="1" customWidth="1"/>
    <col min="8982" max="8982" width="2.875" style="1" customWidth="1"/>
    <col min="8983" max="8983" width="5" style="1" customWidth="1"/>
    <col min="8984" max="8987" width="3.25" style="1" customWidth="1"/>
    <col min="8988" max="8988" width="3.75" style="1" customWidth="1"/>
    <col min="8989" max="8989" width="0.875" style="1" customWidth="1"/>
    <col min="8990" max="9216" width="4" style="1"/>
    <col min="9217" max="9217" width="2.875" style="1" customWidth="1"/>
    <col min="9218" max="9218" width="2.375" style="1" customWidth="1"/>
    <col min="9219" max="9228" width="3.625" style="1" customWidth="1"/>
    <col min="9229" max="9229" width="4.875" style="1" customWidth="1"/>
    <col min="9230" max="9237" width="3.625" style="1" customWidth="1"/>
    <col min="9238" max="9238" width="2.875" style="1" customWidth="1"/>
    <col min="9239" max="9239" width="5" style="1" customWidth="1"/>
    <col min="9240" max="9243" width="3.25" style="1" customWidth="1"/>
    <col min="9244" max="9244" width="3.75" style="1" customWidth="1"/>
    <col min="9245" max="9245" width="0.875" style="1" customWidth="1"/>
    <col min="9246" max="9472" width="4" style="1"/>
    <col min="9473" max="9473" width="2.875" style="1" customWidth="1"/>
    <col min="9474" max="9474" width="2.375" style="1" customWidth="1"/>
    <col min="9475" max="9484" width="3.625" style="1" customWidth="1"/>
    <col min="9485" max="9485" width="4.875" style="1" customWidth="1"/>
    <col min="9486" max="9493" width="3.625" style="1" customWidth="1"/>
    <col min="9494" max="9494" width="2.875" style="1" customWidth="1"/>
    <col min="9495" max="9495" width="5" style="1" customWidth="1"/>
    <col min="9496" max="9499" width="3.25" style="1" customWidth="1"/>
    <col min="9500" max="9500" width="3.75" style="1" customWidth="1"/>
    <col min="9501" max="9501" width="0.875" style="1" customWidth="1"/>
    <col min="9502" max="9728" width="4" style="1"/>
    <col min="9729" max="9729" width="2.875" style="1" customWidth="1"/>
    <col min="9730" max="9730" width="2.375" style="1" customWidth="1"/>
    <col min="9731" max="9740" width="3.625" style="1" customWidth="1"/>
    <col min="9741" max="9741" width="4.875" style="1" customWidth="1"/>
    <col min="9742" max="9749" width="3.625" style="1" customWidth="1"/>
    <col min="9750" max="9750" width="2.875" style="1" customWidth="1"/>
    <col min="9751" max="9751" width="5" style="1" customWidth="1"/>
    <col min="9752" max="9755" width="3.25" style="1" customWidth="1"/>
    <col min="9756" max="9756" width="3.75" style="1" customWidth="1"/>
    <col min="9757" max="9757" width="0.875" style="1" customWidth="1"/>
    <col min="9758" max="9984" width="4" style="1"/>
    <col min="9985" max="9985" width="2.875" style="1" customWidth="1"/>
    <col min="9986" max="9986" width="2.375" style="1" customWidth="1"/>
    <col min="9987" max="9996" width="3.625" style="1" customWidth="1"/>
    <col min="9997" max="9997" width="4.875" style="1" customWidth="1"/>
    <col min="9998" max="10005" width="3.625" style="1" customWidth="1"/>
    <col min="10006" max="10006" width="2.875" style="1" customWidth="1"/>
    <col min="10007" max="10007" width="5" style="1" customWidth="1"/>
    <col min="10008" max="10011" width="3.25" style="1" customWidth="1"/>
    <col min="10012" max="10012" width="3.75" style="1" customWidth="1"/>
    <col min="10013" max="10013" width="0.875" style="1" customWidth="1"/>
    <col min="10014" max="10240" width="4" style="1"/>
    <col min="10241" max="10241" width="2.875" style="1" customWidth="1"/>
    <col min="10242" max="10242" width="2.375" style="1" customWidth="1"/>
    <col min="10243" max="10252" width="3.625" style="1" customWidth="1"/>
    <col min="10253" max="10253" width="4.875" style="1" customWidth="1"/>
    <col min="10254" max="10261" width="3.625" style="1" customWidth="1"/>
    <col min="10262" max="10262" width="2.875" style="1" customWidth="1"/>
    <col min="10263" max="10263" width="5" style="1" customWidth="1"/>
    <col min="10264" max="10267" width="3.25" style="1" customWidth="1"/>
    <col min="10268" max="10268" width="3.75" style="1" customWidth="1"/>
    <col min="10269" max="10269" width="0.875" style="1" customWidth="1"/>
    <col min="10270" max="10496" width="4" style="1"/>
    <col min="10497" max="10497" width="2.875" style="1" customWidth="1"/>
    <col min="10498" max="10498" width="2.375" style="1" customWidth="1"/>
    <col min="10499" max="10508" width="3.625" style="1" customWidth="1"/>
    <col min="10509" max="10509" width="4.875" style="1" customWidth="1"/>
    <col min="10510" max="10517" width="3.625" style="1" customWidth="1"/>
    <col min="10518" max="10518" width="2.875" style="1" customWidth="1"/>
    <col min="10519" max="10519" width="5" style="1" customWidth="1"/>
    <col min="10520" max="10523" width="3.25" style="1" customWidth="1"/>
    <col min="10524" max="10524" width="3.75" style="1" customWidth="1"/>
    <col min="10525" max="10525" width="0.875" style="1" customWidth="1"/>
    <col min="10526" max="10752" width="4" style="1"/>
    <col min="10753" max="10753" width="2.875" style="1" customWidth="1"/>
    <col min="10754" max="10754" width="2.375" style="1" customWidth="1"/>
    <col min="10755" max="10764" width="3.625" style="1" customWidth="1"/>
    <col min="10765" max="10765" width="4.875" style="1" customWidth="1"/>
    <col min="10766" max="10773" width="3.625" style="1" customWidth="1"/>
    <col min="10774" max="10774" width="2.875" style="1" customWidth="1"/>
    <col min="10775" max="10775" width="5" style="1" customWidth="1"/>
    <col min="10776" max="10779" width="3.25" style="1" customWidth="1"/>
    <col min="10780" max="10780" width="3.75" style="1" customWidth="1"/>
    <col min="10781" max="10781" width="0.875" style="1" customWidth="1"/>
    <col min="10782" max="11008" width="4" style="1"/>
    <col min="11009" max="11009" width="2.875" style="1" customWidth="1"/>
    <col min="11010" max="11010" width="2.375" style="1" customWidth="1"/>
    <col min="11011" max="11020" width="3.625" style="1" customWidth="1"/>
    <col min="11021" max="11021" width="4.875" style="1" customWidth="1"/>
    <col min="11022" max="11029" width="3.625" style="1" customWidth="1"/>
    <col min="11030" max="11030" width="2.875" style="1" customWidth="1"/>
    <col min="11031" max="11031" width="5" style="1" customWidth="1"/>
    <col min="11032" max="11035" width="3.25" style="1" customWidth="1"/>
    <col min="11036" max="11036" width="3.75" style="1" customWidth="1"/>
    <col min="11037" max="11037" width="0.875" style="1" customWidth="1"/>
    <col min="11038" max="11264" width="4" style="1"/>
    <col min="11265" max="11265" width="2.875" style="1" customWidth="1"/>
    <col min="11266" max="11266" width="2.375" style="1" customWidth="1"/>
    <col min="11267" max="11276" width="3.625" style="1" customWidth="1"/>
    <col min="11277" max="11277" width="4.875" style="1" customWidth="1"/>
    <col min="11278" max="11285" width="3.625" style="1" customWidth="1"/>
    <col min="11286" max="11286" width="2.875" style="1" customWidth="1"/>
    <col min="11287" max="11287" width="5" style="1" customWidth="1"/>
    <col min="11288" max="11291" width="3.25" style="1" customWidth="1"/>
    <col min="11292" max="11292" width="3.75" style="1" customWidth="1"/>
    <col min="11293" max="11293" width="0.875" style="1" customWidth="1"/>
    <col min="11294" max="11520" width="4" style="1"/>
    <col min="11521" max="11521" width="2.875" style="1" customWidth="1"/>
    <col min="11522" max="11522" width="2.375" style="1" customWidth="1"/>
    <col min="11523" max="11532" width="3.625" style="1" customWidth="1"/>
    <col min="11533" max="11533" width="4.875" style="1" customWidth="1"/>
    <col min="11534" max="11541" width="3.625" style="1" customWidth="1"/>
    <col min="11542" max="11542" width="2.875" style="1" customWidth="1"/>
    <col min="11543" max="11543" width="5" style="1" customWidth="1"/>
    <col min="11544" max="11547" width="3.25" style="1" customWidth="1"/>
    <col min="11548" max="11548" width="3.75" style="1" customWidth="1"/>
    <col min="11549" max="11549" width="0.875" style="1" customWidth="1"/>
    <col min="11550" max="11776" width="4" style="1"/>
    <col min="11777" max="11777" width="2.875" style="1" customWidth="1"/>
    <col min="11778" max="11778" width="2.375" style="1" customWidth="1"/>
    <col min="11779" max="11788" width="3.625" style="1" customWidth="1"/>
    <col min="11789" max="11789" width="4.875" style="1" customWidth="1"/>
    <col min="11790" max="11797" width="3.625" style="1" customWidth="1"/>
    <col min="11798" max="11798" width="2.875" style="1" customWidth="1"/>
    <col min="11799" max="11799" width="5" style="1" customWidth="1"/>
    <col min="11800" max="11803" width="3.25" style="1" customWidth="1"/>
    <col min="11804" max="11804" width="3.75" style="1" customWidth="1"/>
    <col min="11805" max="11805" width="0.875" style="1" customWidth="1"/>
    <col min="11806" max="12032" width="4" style="1"/>
    <col min="12033" max="12033" width="2.875" style="1" customWidth="1"/>
    <col min="12034" max="12034" width="2.375" style="1" customWidth="1"/>
    <col min="12035" max="12044" width="3.625" style="1" customWidth="1"/>
    <col min="12045" max="12045" width="4.875" style="1" customWidth="1"/>
    <col min="12046" max="12053" width="3.625" style="1" customWidth="1"/>
    <col min="12054" max="12054" width="2.875" style="1" customWidth="1"/>
    <col min="12055" max="12055" width="5" style="1" customWidth="1"/>
    <col min="12056" max="12059" width="3.25" style="1" customWidth="1"/>
    <col min="12060" max="12060" width="3.75" style="1" customWidth="1"/>
    <col min="12061" max="12061" width="0.875" style="1" customWidth="1"/>
    <col min="12062" max="12288" width="4" style="1"/>
    <col min="12289" max="12289" width="2.875" style="1" customWidth="1"/>
    <col min="12290" max="12290" width="2.375" style="1" customWidth="1"/>
    <col min="12291" max="12300" width="3.625" style="1" customWidth="1"/>
    <col min="12301" max="12301" width="4.875" style="1" customWidth="1"/>
    <col min="12302" max="12309" width="3.625" style="1" customWidth="1"/>
    <col min="12310" max="12310" width="2.875" style="1" customWidth="1"/>
    <col min="12311" max="12311" width="5" style="1" customWidth="1"/>
    <col min="12312" max="12315" width="3.25" style="1" customWidth="1"/>
    <col min="12316" max="12316" width="3.75" style="1" customWidth="1"/>
    <col min="12317" max="12317" width="0.875" style="1" customWidth="1"/>
    <col min="12318" max="12544" width="4" style="1"/>
    <col min="12545" max="12545" width="2.875" style="1" customWidth="1"/>
    <col min="12546" max="12546" width="2.375" style="1" customWidth="1"/>
    <col min="12547" max="12556" width="3.625" style="1" customWidth="1"/>
    <col min="12557" max="12557" width="4.875" style="1" customWidth="1"/>
    <col min="12558" max="12565" width="3.625" style="1" customWidth="1"/>
    <col min="12566" max="12566" width="2.875" style="1" customWidth="1"/>
    <col min="12567" max="12567" width="5" style="1" customWidth="1"/>
    <col min="12568" max="12571" width="3.25" style="1" customWidth="1"/>
    <col min="12572" max="12572" width="3.75" style="1" customWidth="1"/>
    <col min="12573" max="12573" width="0.875" style="1" customWidth="1"/>
    <col min="12574" max="12800" width="4" style="1"/>
    <col min="12801" max="12801" width="2.875" style="1" customWidth="1"/>
    <col min="12802" max="12802" width="2.375" style="1" customWidth="1"/>
    <col min="12803" max="12812" width="3.625" style="1" customWidth="1"/>
    <col min="12813" max="12813" width="4.875" style="1" customWidth="1"/>
    <col min="12814" max="12821" width="3.625" style="1" customWidth="1"/>
    <col min="12822" max="12822" width="2.875" style="1" customWidth="1"/>
    <col min="12823" max="12823" width="5" style="1" customWidth="1"/>
    <col min="12824" max="12827" width="3.25" style="1" customWidth="1"/>
    <col min="12828" max="12828" width="3.75" style="1" customWidth="1"/>
    <col min="12829" max="12829" width="0.875" style="1" customWidth="1"/>
    <col min="12830" max="13056" width="4" style="1"/>
    <col min="13057" max="13057" width="2.875" style="1" customWidth="1"/>
    <col min="13058" max="13058" width="2.375" style="1" customWidth="1"/>
    <col min="13059" max="13068" width="3.625" style="1" customWidth="1"/>
    <col min="13069" max="13069" width="4.875" style="1" customWidth="1"/>
    <col min="13070" max="13077" width="3.625" style="1" customWidth="1"/>
    <col min="13078" max="13078" width="2.875" style="1" customWidth="1"/>
    <col min="13079" max="13079" width="5" style="1" customWidth="1"/>
    <col min="13080" max="13083" width="3.25" style="1" customWidth="1"/>
    <col min="13084" max="13084" width="3.75" style="1" customWidth="1"/>
    <col min="13085" max="13085" width="0.875" style="1" customWidth="1"/>
    <col min="13086" max="13312" width="4" style="1"/>
    <col min="13313" max="13313" width="2.875" style="1" customWidth="1"/>
    <col min="13314" max="13314" width="2.375" style="1" customWidth="1"/>
    <col min="13315" max="13324" width="3.625" style="1" customWidth="1"/>
    <col min="13325" max="13325" width="4.875" style="1" customWidth="1"/>
    <col min="13326" max="13333" width="3.625" style="1" customWidth="1"/>
    <col min="13334" max="13334" width="2.875" style="1" customWidth="1"/>
    <col min="13335" max="13335" width="5" style="1" customWidth="1"/>
    <col min="13336" max="13339" width="3.25" style="1" customWidth="1"/>
    <col min="13340" max="13340" width="3.75" style="1" customWidth="1"/>
    <col min="13341" max="13341" width="0.875" style="1" customWidth="1"/>
    <col min="13342" max="13568" width="4" style="1"/>
    <col min="13569" max="13569" width="2.875" style="1" customWidth="1"/>
    <col min="13570" max="13570" width="2.375" style="1" customWidth="1"/>
    <col min="13571" max="13580" width="3.625" style="1" customWidth="1"/>
    <col min="13581" max="13581" width="4.875" style="1" customWidth="1"/>
    <col min="13582" max="13589" width="3.625" style="1" customWidth="1"/>
    <col min="13590" max="13590" width="2.875" style="1" customWidth="1"/>
    <col min="13591" max="13591" width="5" style="1" customWidth="1"/>
    <col min="13592" max="13595" width="3.25" style="1" customWidth="1"/>
    <col min="13596" max="13596" width="3.75" style="1" customWidth="1"/>
    <col min="13597" max="13597" width="0.875" style="1" customWidth="1"/>
    <col min="13598" max="13824" width="4" style="1"/>
    <col min="13825" max="13825" width="2.875" style="1" customWidth="1"/>
    <col min="13826" max="13826" width="2.375" style="1" customWidth="1"/>
    <col min="13827" max="13836" width="3.625" style="1" customWidth="1"/>
    <col min="13837" max="13837" width="4.875" style="1" customWidth="1"/>
    <col min="13838" max="13845" width="3.625" style="1" customWidth="1"/>
    <col min="13846" max="13846" width="2.875" style="1" customWidth="1"/>
    <col min="13847" max="13847" width="5" style="1" customWidth="1"/>
    <col min="13848" max="13851" width="3.25" style="1" customWidth="1"/>
    <col min="13852" max="13852" width="3.75" style="1" customWidth="1"/>
    <col min="13853" max="13853" width="0.875" style="1" customWidth="1"/>
    <col min="13854" max="14080" width="4" style="1"/>
    <col min="14081" max="14081" width="2.875" style="1" customWidth="1"/>
    <col min="14082" max="14082" width="2.375" style="1" customWidth="1"/>
    <col min="14083" max="14092" width="3.625" style="1" customWidth="1"/>
    <col min="14093" max="14093" width="4.875" style="1" customWidth="1"/>
    <col min="14094" max="14101" width="3.625" style="1" customWidth="1"/>
    <col min="14102" max="14102" width="2.875" style="1" customWidth="1"/>
    <col min="14103" max="14103" width="5" style="1" customWidth="1"/>
    <col min="14104" max="14107" width="3.25" style="1" customWidth="1"/>
    <col min="14108" max="14108" width="3.75" style="1" customWidth="1"/>
    <col min="14109" max="14109" width="0.875" style="1" customWidth="1"/>
    <col min="14110" max="14336" width="4" style="1"/>
    <col min="14337" max="14337" width="2.875" style="1" customWidth="1"/>
    <col min="14338" max="14338" width="2.375" style="1" customWidth="1"/>
    <col min="14339" max="14348" width="3.625" style="1" customWidth="1"/>
    <col min="14349" max="14349" width="4.875" style="1" customWidth="1"/>
    <col min="14350" max="14357" width="3.625" style="1" customWidth="1"/>
    <col min="14358" max="14358" width="2.875" style="1" customWidth="1"/>
    <col min="14359" max="14359" width="5" style="1" customWidth="1"/>
    <col min="14360" max="14363" width="3.25" style="1" customWidth="1"/>
    <col min="14364" max="14364" width="3.75" style="1" customWidth="1"/>
    <col min="14365" max="14365" width="0.875" style="1" customWidth="1"/>
    <col min="14366" max="14592" width="4" style="1"/>
    <col min="14593" max="14593" width="2.875" style="1" customWidth="1"/>
    <col min="14594" max="14594" width="2.375" style="1" customWidth="1"/>
    <col min="14595" max="14604" width="3.625" style="1" customWidth="1"/>
    <col min="14605" max="14605" width="4.875" style="1" customWidth="1"/>
    <col min="14606" max="14613" width="3.625" style="1" customWidth="1"/>
    <col min="14614" max="14614" width="2.875" style="1" customWidth="1"/>
    <col min="14615" max="14615" width="5" style="1" customWidth="1"/>
    <col min="14616" max="14619" width="3.25" style="1" customWidth="1"/>
    <col min="14620" max="14620" width="3.75" style="1" customWidth="1"/>
    <col min="14621" max="14621" width="0.875" style="1" customWidth="1"/>
    <col min="14622" max="14848" width="4" style="1"/>
    <col min="14849" max="14849" width="2.875" style="1" customWidth="1"/>
    <col min="14850" max="14850" width="2.375" style="1" customWidth="1"/>
    <col min="14851" max="14860" width="3.625" style="1" customWidth="1"/>
    <col min="14861" max="14861" width="4.875" style="1" customWidth="1"/>
    <col min="14862" max="14869" width="3.625" style="1" customWidth="1"/>
    <col min="14870" max="14870" width="2.875" style="1" customWidth="1"/>
    <col min="14871" max="14871" width="5" style="1" customWidth="1"/>
    <col min="14872" max="14875" width="3.25" style="1" customWidth="1"/>
    <col min="14876" max="14876" width="3.75" style="1" customWidth="1"/>
    <col min="14877" max="14877" width="0.875" style="1" customWidth="1"/>
    <col min="14878" max="15104" width="4" style="1"/>
    <col min="15105" max="15105" width="2.875" style="1" customWidth="1"/>
    <col min="15106" max="15106" width="2.375" style="1" customWidth="1"/>
    <col min="15107" max="15116" width="3.625" style="1" customWidth="1"/>
    <col min="15117" max="15117" width="4.875" style="1" customWidth="1"/>
    <col min="15118" max="15125" width="3.625" style="1" customWidth="1"/>
    <col min="15126" max="15126" width="2.875" style="1" customWidth="1"/>
    <col min="15127" max="15127" width="5" style="1" customWidth="1"/>
    <col min="15128" max="15131" width="3.25" style="1" customWidth="1"/>
    <col min="15132" max="15132" width="3.75" style="1" customWidth="1"/>
    <col min="15133" max="15133" width="0.875" style="1" customWidth="1"/>
    <col min="15134" max="15360" width="4" style="1"/>
    <col min="15361" max="15361" width="2.875" style="1" customWidth="1"/>
    <col min="15362" max="15362" width="2.375" style="1" customWidth="1"/>
    <col min="15363" max="15372" width="3.625" style="1" customWidth="1"/>
    <col min="15373" max="15373" width="4.875" style="1" customWidth="1"/>
    <col min="15374" max="15381" width="3.625" style="1" customWidth="1"/>
    <col min="15382" max="15382" width="2.875" style="1" customWidth="1"/>
    <col min="15383" max="15383" width="5" style="1" customWidth="1"/>
    <col min="15384" max="15387" width="3.25" style="1" customWidth="1"/>
    <col min="15388" max="15388" width="3.75" style="1" customWidth="1"/>
    <col min="15389" max="15389" width="0.875" style="1" customWidth="1"/>
    <col min="15390" max="15616" width="4" style="1"/>
    <col min="15617" max="15617" width="2.875" style="1" customWidth="1"/>
    <col min="15618" max="15618" width="2.375" style="1" customWidth="1"/>
    <col min="15619" max="15628" width="3.625" style="1" customWidth="1"/>
    <col min="15629" max="15629" width="4.875" style="1" customWidth="1"/>
    <col min="15630" max="15637" width="3.625" style="1" customWidth="1"/>
    <col min="15638" max="15638" width="2.875" style="1" customWidth="1"/>
    <col min="15639" max="15639" width="5" style="1" customWidth="1"/>
    <col min="15640" max="15643" width="3.25" style="1" customWidth="1"/>
    <col min="15644" max="15644" width="3.75" style="1" customWidth="1"/>
    <col min="15645" max="15645" width="0.875" style="1" customWidth="1"/>
    <col min="15646" max="15872" width="4" style="1"/>
    <col min="15873" max="15873" width="2.875" style="1" customWidth="1"/>
    <col min="15874" max="15874" width="2.375" style="1" customWidth="1"/>
    <col min="15875" max="15884" width="3.625" style="1" customWidth="1"/>
    <col min="15885" max="15885" width="4.875" style="1" customWidth="1"/>
    <col min="15886" max="15893" width="3.625" style="1" customWidth="1"/>
    <col min="15894" max="15894" width="2.875" style="1" customWidth="1"/>
    <col min="15895" max="15895" width="5" style="1" customWidth="1"/>
    <col min="15896" max="15899" width="3.25" style="1" customWidth="1"/>
    <col min="15900" max="15900" width="3.75" style="1" customWidth="1"/>
    <col min="15901" max="15901" width="0.875" style="1" customWidth="1"/>
    <col min="15902" max="16128" width="4" style="1"/>
    <col min="16129" max="16129" width="2.875" style="1" customWidth="1"/>
    <col min="16130" max="16130" width="2.375" style="1" customWidth="1"/>
    <col min="16131" max="16140" width="3.625" style="1" customWidth="1"/>
    <col min="16141" max="16141" width="4.875" style="1" customWidth="1"/>
    <col min="16142" max="16149" width="3.625" style="1" customWidth="1"/>
    <col min="16150" max="16150" width="2.875" style="1" customWidth="1"/>
    <col min="16151" max="16151" width="5" style="1" customWidth="1"/>
    <col min="16152" max="16155" width="3.25" style="1" customWidth="1"/>
    <col min="16156" max="16156" width="3.75" style="1" customWidth="1"/>
    <col min="16157" max="16157" width="0.875" style="1" customWidth="1"/>
    <col min="16158" max="16384" width="4" style="1"/>
  </cols>
  <sheetData>
    <row r="2" spans="2:28">
      <c r="X2" s="1" t="s">
        <v>53</v>
      </c>
    </row>
    <row r="3" spans="2:28">
      <c r="S3" s="73"/>
      <c r="T3" s="73"/>
      <c r="U3" s="73"/>
    </row>
    <row r="4" spans="2:28">
      <c r="B4" s="155" t="s">
        <v>4</v>
      </c>
      <c r="C4" s="155"/>
      <c r="D4" s="155"/>
      <c r="E4" s="155"/>
      <c r="F4" s="155"/>
      <c r="G4" s="155"/>
      <c r="H4" s="155"/>
      <c r="I4" s="155"/>
      <c r="J4" s="155"/>
      <c r="K4" s="155"/>
      <c r="L4" s="155"/>
      <c r="M4" s="155"/>
      <c r="N4" s="155"/>
      <c r="O4" s="155"/>
      <c r="P4" s="155"/>
      <c r="Q4" s="155"/>
      <c r="R4" s="155"/>
      <c r="S4" s="155"/>
      <c r="T4" s="155"/>
      <c r="U4" s="155"/>
      <c r="V4" s="155"/>
      <c r="W4" s="155"/>
      <c r="X4" s="155"/>
      <c r="Y4" s="155"/>
      <c r="Z4" s="155"/>
      <c r="AA4" s="155"/>
      <c r="AB4" s="155"/>
    </row>
    <row r="6" spans="2:28" ht="23.25" customHeight="1">
      <c r="B6" s="146" t="s">
        <v>5</v>
      </c>
      <c r="C6" s="147"/>
      <c r="D6" s="147"/>
      <c r="E6" s="147"/>
      <c r="F6" s="157"/>
      <c r="G6" s="174"/>
      <c r="H6" s="175"/>
      <c r="I6" s="175"/>
      <c r="J6" s="175"/>
      <c r="K6" s="175"/>
      <c r="L6" s="175"/>
      <c r="M6" s="175"/>
      <c r="N6" s="175"/>
      <c r="O6" s="175"/>
      <c r="P6" s="175"/>
      <c r="Q6" s="175"/>
      <c r="R6" s="175"/>
      <c r="S6" s="175"/>
      <c r="T6" s="175"/>
      <c r="U6" s="175"/>
      <c r="V6" s="175"/>
      <c r="W6" s="175"/>
      <c r="X6" s="175"/>
      <c r="Y6" s="175"/>
      <c r="Z6" s="175"/>
      <c r="AA6" s="175"/>
      <c r="AB6" s="176"/>
    </row>
    <row r="7" spans="2:28" ht="23.25" customHeight="1">
      <c r="B7" s="146" t="s">
        <v>6</v>
      </c>
      <c r="C7" s="147"/>
      <c r="D7" s="147"/>
      <c r="E7" s="147"/>
      <c r="F7" s="157"/>
      <c r="G7" s="74" t="s">
        <v>7</v>
      </c>
      <c r="H7" s="75" t="s">
        <v>8</v>
      </c>
      <c r="I7" s="75"/>
      <c r="J7" s="75"/>
      <c r="K7" s="75"/>
      <c r="L7" s="2" t="s">
        <v>7</v>
      </c>
      <c r="M7" s="75" t="s">
        <v>9</v>
      </c>
      <c r="N7" s="75"/>
      <c r="O7" s="75"/>
      <c r="P7" s="75"/>
      <c r="Q7" s="76" t="s">
        <v>7</v>
      </c>
      <c r="R7" s="75" t="s">
        <v>10</v>
      </c>
      <c r="S7" s="75"/>
      <c r="T7" s="75"/>
      <c r="U7" s="75"/>
      <c r="V7" s="126"/>
      <c r="W7" s="126"/>
      <c r="X7" s="126"/>
      <c r="Y7" s="126"/>
      <c r="Z7" s="126"/>
      <c r="AA7" s="126"/>
      <c r="AB7" s="127"/>
    </row>
    <row r="8" spans="2:28" ht="23.25" customHeight="1">
      <c r="B8" s="177" t="s">
        <v>11</v>
      </c>
      <c r="C8" s="178"/>
      <c r="D8" s="178"/>
      <c r="E8" s="178"/>
      <c r="F8" s="179"/>
      <c r="G8" s="2" t="s">
        <v>7</v>
      </c>
      <c r="H8" s="77" t="s">
        <v>12</v>
      </c>
      <c r="I8" s="77"/>
      <c r="J8" s="77"/>
      <c r="K8" s="77"/>
      <c r="L8" s="77"/>
      <c r="M8" s="77"/>
      <c r="N8" s="77"/>
      <c r="O8" s="77"/>
      <c r="P8" s="77"/>
      <c r="Q8" s="2" t="s">
        <v>7</v>
      </c>
      <c r="R8" s="77" t="s">
        <v>13</v>
      </c>
      <c r="S8" s="78"/>
      <c r="T8" s="79"/>
      <c r="U8" s="79"/>
      <c r="V8" s="132"/>
      <c r="W8" s="132"/>
      <c r="X8" s="132"/>
      <c r="Y8" s="132"/>
      <c r="Z8" s="132"/>
      <c r="AA8" s="132"/>
      <c r="AB8" s="133"/>
    </row>
    <row r="9" spans="2:28" ht="23.25" customHeight="1">
      <c r="B9" s="166"/>
      <c r="C9" s="167"/>
      <c r="D9" s="167"/>
      <c r="E9" s="167"/>
      <c r="F9" s="180"/>
      <c r="G9" s="80" t="s">
        <v>7</v>
      </c>
      <c r="H9" s="81" t="s">
        <v>14</v>
      </c>
      <c r="I9" s="81"/>
      <c r="J9" s="81"/>
      <c r="K9" s="81"/>
      <c r="L9" s="81"/>
      <c r="M9" s="81"/>
      <c r="N9" s="81"/>
      <c r="O9" s="81"/>
      <c r="P9" s="81"/>
      <c r="Q9" s="3" t="s">
        <v>7</v>
      </c>
      <c r="R9" s="81" t="s">
        <v>15</v>
      </c>
      <c r="S9" s="82"/>
      <c r="T9" s="83"/>
      <c r="U9" s="83"/>
      <c r="V9" s="129"/>
      <c r="W9" s="129"/>
      <c r="X9" s="129"/>
      <c r="Y9" s="129"/>
      <c r="Z9" s="129"/>
      <c r="AA9" s="129"/>
      <c r="AB9" s="134"/>
    </row>
    <row r="11" spans="2:28">
      <c r="B11" s="84"/>
      <c r="C11" s="77"/>
      <c r="D11" s="77"/>
      <c r="E11" s="77"/>
      <c r="F11" s="77"/>
      <c r="G11" s="77"/>
      <c r="H11" s="77"/>
      <c r="I11" s="77"/>
      <c r="J11" s="77"/>
      <c r="K11" s="77"/>
      <c r="L11" s="77"/>
      <c r="M11" s="77"/>
      <c r="N11" s="77"/>
      <c r="O11" s="77"/>
      <c r="P11" s="77"/>
      <c r="Q11" s="77"/>
      <c r="R11" s="77"/>
      <c r="S11" s="77"/>
      <c r="T11" s="77"/>
      <c r="U11" s="77"/>
      <c r="V11" s="77"/>
      <c r="W11" s="77"/>
      <c r="X11" s="84"/>
      <c r="Y11" s="77"/>
      <c r="Z11" s="77"/>
      <c r="AA11" s="77"/>
      <c r="AB11" s="85"/>
    </row>
    <row r="12" spans="2:28">
      <c r="B12" s="172" t="s">
        <v>282</v>
      </c>
      <c r="C12" s="152"/>
      <c r="D12" s="152"/>
      <c r="E12" s="152"/>
      <c r="F12" s="152"/>
      <c r="G12" s="152"/>
      <c r="H12" s="152"/>
      <c r="I12" s="152"/>
      <c r="J12" s="152"/>
      <c r="K12" s="152"/>
      <c r="L12" s="152"/>
      <c r="M12" s="152"/>
      <c r="N12" s="152"/>
      <c r="O12" s="152"/>
      <c r="P12" s="152"/>
      <c r="Q12" s="152"/>
      <c r="R12" s="152"/>
      <c r="S12" s="152"/>
      <c r="T12" s="152"/>
      <c r="U12" s="152"/>
      <c r="V12" s="152"/>
      <c r="X12" s="131"/>
      <c r="Y12" s="86" t="s">
        <v>16</v>
      </c>
      <c r="Z12" s="86" t="s">
        <v>17</v>
      </c>
      <c r="AA12" s="86" t="s">
        <v>18</v>
      </c>
      <c r="AB12" s="130"/>
    </row>
    <row r="13" spans="2:28" ht="25.5" customHeight="1">
      <c r="B13" s="173"/>
      <c r="C13" s="152"/>
      <c r="D13" s="152"/>
      <c r="E13" s="152"/>
      <c r="F13" s="152"/>
      <c r="G13" s="152"/>
      <c r="H13" s="152"/>
      <c r="I13" s="152"/>
      <c r="J13" s="152"/>
      <c r="K13" s="152"/>
      <c r="L13" s="152"/>
      <c r="M13" s="152"/>
      <c r="N13" s="152"/>
      <c r="O13" s="152"/>
      <c r="P13" s="152"/>
      <c r="Q13" s="152"/>
      <c r="R13" s="152"/>
      <c r="S13" s="152"/>
      <c r="T13" s="152"/>
      <c r="U13" s="152"/>
      <c r="V13" s="152"/>
      <c r="W13" s="87"/>
      <c r="X13" s="131"/>
      <c r="Y13" s="86"/>
      <c r="Z13" s="86"/>
      <c r="AA13" s="86"/>
      <c r="AB13" s="130"/>
    </row>
    <row r="14" spans="2:28" ht="6" customHeight="1">
      <c r="B14" s="131"/>
      <c r="X14" s="131"/>
      <c r="AB14" s="130"/>
    </row>
    <row r="15" spans="2:28" ht="27" customHeight="1">
      <c r="B15" s="131"/>
      <c r="C15" s="141" t="s">
        <v>283</v>
      </c>
      <c r="D15" s="141"/>
      <c r="E15" s="141"/>
      <c r="F15" s="141"/>
      <c r="G15" s="141"/>
      <c r="H15" s="141"/>
      <c r="I15" s="141"/>
      <c r="J15" s="141"/>
      <c r="K15" s="141"/>
      <c r="L15" s="141"/>
      <c r="M15" s="141"/>
      <c r="N15" s="141"/>
      <c r="O15" s="141"/>
      <c r="P15" s="141"/>
      <c r="Q15" s="141"/>
      <c r="R15" s="141"/>
      <c r="S15" s="141"/>
      <c r="T15" s="141"/>
      <c r="U15" s="141"/>
      <c r="V15" s="141"/>
      <c r="W15" s="142"/>
      <c r="X15" s="88"/>
      <c r="Y15" s="2" t="s">
        <v>7</v>
      </c>
      <c r="Z15" s="2" t="s">
        <v>17</v>
      </c>
      <c r="AA15" s="2" t="s">
        <v>7</v>
      </c>
      <c r="AB15" s="87"/>
    </row>
    <row r="16" spans="2:28" ht="20.100000000000001" customHeight="1">
      <c r="B16" s="131"/>
      <c r="C16" s="152" t="s">
        <v>19</v>
      </c>
      <c r="D16" s="152"/>
      <c r="E16" s="152"/>
      <c r="F16" s="152"/>
      <c r="G16" s="152"/>
      <c r="H16" s="152"/>
      <c r="I16" s="152"/>
      <c r="J16" s="152"/>
      <c r="K16" s="152"/>
      <c r="L16" s="152"/>
      <c r="M16" s="152"/>
      <c r="N16" s="152"/>
      <c r="O16" s="152"/>
      <c r="P16" s="152"/>
      <c r="Q16" s="152"/>
      <c r="R16" s="152"/>
      <c r="S16" s="152"/>
      <c r="T16" s="152"/>
      <c r="U16" s="152"/>
      <c r="V16" s="152"/>
      <c r="W16" s="171"/>
      <c r="X16" s="88"/>
      <c r="Y16" s="2" t="s">
        <v>7</v>
      </c>
      <c r="Z16" s="2" t="s">
        <v>17</v>
      </c>
      <c r="AA16" s="2" t="s">
        <v>7</v>
      </c>
      <c r="AB16" s="87"/>
    </row>
    <row r="17" spans="2:28" ht="31.5" customHeight="1">
      <c r="B17" s="131"/>
      <c r="C17" s="141" t="s">
        <v>184</v>
      </c>
      <c r="D17" s="141"/>
      <c r="E17" s="141"/>
      <c r="F17" s="141"/>
      <c r="G17" s="141"/>
      <c r="H17" s="141"/>
      <c r="I17" s="141"/>
      <c r="J17" s="141"/>
      <c r="K17" s="141"/>
      <c r="L17" s="141"/>
      <c r="M17" s="141"/>
      <c r="N17" s="141"/>
      <c r="O17" s="141"/>
      <c r="P17" s="141"/>
      <c r="Q17" s="141"/>
      <c r="R17" s="141"/>
      <c r="S17" s="141"/>
      <c r="T17" s="141"/>
      <c r="U17" s="141"/>
      <c r="V17" s="141"/>
      <c r="W17" s="142"/>
      <c r="X17" s="88"/>
      <c r="Y17" s="2" t="s">
        <v>7</v>
      </c>
      <c r="Z17" s="2" t="s">
        <v>17</v>
      </c>
      <c r="AA17" s="2" t="s">
        <v>7</v>
      </c>
      <c r="AB17" s="87"/>
    </row>
    <row r="18" spans="2:28" ht="20.100000000000001" customHeight="1">
      <c r="B18" s="131"/>
      <c r="C18" s="152" t="s">
        <v>20</v>
      </c>
      <c r="D18" s="152"/>
      <c r="E18" s="152"/>
      <c r="F18" s="152"/>
      <c r="G18" s="152"/>
      <c r="H18" s="152"/>
      <c r="I18" s="152"/>
      <c r="J18" s="152"/>
      <c r="K18" s="152"/>
      <c r="L18" s="152"/>
      <c r="M18" s="152"/>
      <c r="N18" s="152"/>
      <c r="O18" s="152"/>
      <c r="P18" s="152"/>
      <c r="Q18" s="152"/>
      <c r="R18" s="152"/>
      <c r="S18" s="152"/>
      <c r="T18" s="152"/>
      <c r="U18" s="152"/>
      <c r="V18" s="152"/>
      <c r="W18" s="171"/>
      <c r="X18" s="88"/>
      <c r="Y18" s="2" t="s">
        <v>7</v>
      </c>
      <c r="Z18" s="2" t="s">
        <v>17</v>
      </c>
      <c r="AA18" s="2" t="s">
        <v>7</v>
      </c>
      <c r="AB18" s="87"/>
    </row>
    <row r="19" spans="2:28" ht="20.100000000000001" customHeight="1">
      <c r="B19" s="131"/>
      <c r="C19" s="152" t="s">
        <v>21</v>
      </c>
      <c r="D19" s="152"/>
      <c r="E19" s="152"/>
      <c r="F19" s="152"/>
      <c r="G19" s="152"/>
      <c r="H19" s="152"/>
      <c r="I19" s="152"/>
      <c r="J19" s="152"/>
      <c r="K19" s="152"/>
      <c r="L19" s="152"/>
      <c r="M19" s="152"/>
      <c r="N19" s="152"/>
      <c r="O19" s="152"/>
      <c r="P19" s="152"/>
      <c r="Q19" s="152"/>
      <c r="R19" s="152"/>
      <c r="S19" s="152"/>
      <c r="T19" s="152"/>
      <c r="U19" s="152"/>
      <c r="V19" s="152"/>
      <c r="W19" s="171"/>
      <c r="X19" s="88"/>
      <c r="Y19" s="2" t="s">
        <v>7</v>
      </c>
      <c r="Z19" s="2" t="s">
        <v>17</v>
      </c>
      <c r="AA19" s="2" t="s">
        <v>7</v>
      </c>
      <c r="AB19" s="87"/>
    </row>
    <row r="20" spans="2:28" ht="32.25" customHeight="1">
      <c r="B20" s="131"/>
      <c r="C20" s="141" t="s">
        <v>185</v>
      </c>
      <c r="D20" s="141"/>
      <c r="E20" s="141"/>
      <c r="F20" s="141"/>
      <c r="G20" s="141"/>
      <c r="H20" s="141"/>
      <c r="I20" s="141"/>
      <c r="J20" s="141"/>
      <c r="K20" s="141"/>
      <c r="L20" s="141"/>
      <c r="M20" s="141"/>
      <c r="N20" s="141"/>
      <c r="O20" s="141"/>
      <c r="P20" s="141"/>
      <c r="Q20" s="141"/>
      <c r="R20" s="141"/>
      <c r="S20" s="141"/>
      <c r="T20" s="141"/>
      <c r="U20" s="141"/>
      <c r="V20" s="141"/>
      <c r="W20" s="142"/>
      <c r="X20" s="88"/>
      <c r="Y20" s="2" t="s">
        <v>7</v>
      </c>
      <c r="Z20" s="2" t="s">
        <v>17</v>
      </c>
      <c r="AA20" s="2" t="s">
        <v>7</v>
      </c>
      <c r="AB20" s="87"/>
    </row>
    <row r="21" spans="2:28" ht="32.25" customHeight="1">
      <c r="B21" s="131"/>
      <c r="C21" s="141" t="s">
        <v>186</v>
      </c>
      <c r="D21" s="141"/>
      <c r="E21" s="141"/>
      <c r="F21" s="141"/>
      <c r="G21" s="141"/>
      <c r="H21" s="141"/>
      <c r="I21" s="141"/>
      <c r="J21" s="141"/>
      <c r="K21" s="141"/>
      <c r="L21" s="141"/>
      <c r="M21" s="141"/>
      <c r="N21" s="141"/>
      <c r="O21" s="141"/>
      <c r="P21" s="141"/>
      <c r="Q21" s="141"/>
      <c r="R21" s="141"/>
      <c r="S21" s="141"/>
      <c r="T21" s="141"/>
      <c r="U21" s="141"/>
      <c r="V21" s="141"/>
      <c r="W21" s="142"/>
      <c r="X21" s="88"/>
      <c r="Y21" s="2" t="s">
        <v>7</v>
      </c>
      <c r="Z21" s="2" t="s">
        <v>17</v>
      </c>
      <c r="AA21" s="2" t="s">
        <v>7</v>
      </c>
      <c r="AB21" s="87"/>
    </row>
    <row r="22" spans="2:28" ht="45.75" customHeight="1">
      <c r="B22" s="131"/>
      <c r="C22" s="141" t="s">
        <v>187</v>
      </c>
      <c r="D22" s="141"/>
      <c r="E22" s="141"/>
      <c r="F22" s="141"/>
      <c r="G22" s="141"/>
      <c r="H22" s="141"/>
      <c r="I22" s="141"/>
      <c r="J22" s="141"/>
      <c r="K22" s="141"/>
      <c r="L22" s="141"/>
      <c r="M22" s="141"/>
      <c r="N22" s="141"/>
      <c r="O22" s="141"/>
      <c r="P22" s="141"/>
      <c r="Q22" s="141"/>
      <c r="R22" s="141"/>
      <c r="S22" s="141"/>
      <c r="T22" s="141"/>
      <c r="U22" s="141"/>
      <c r="V22" s="141"/>
      <c r="W22" s="142"/>
      <c r="X22" s="88"/>
      <c r="Y22" s="2" t="s">
        <v>7</v>
      </c>
      <c r="Z22" s="2" t="s">
        <v>17</v>
      </c>
      <c r="AA22" s="2" t="s">
        <v>7</v>
      </c>
      <c r="AB22" s="87"/>
    </row>
    <row r="23" spans="2:28" ht="29.25" customHeight="1">
      <c r="B23" s="131"/>
      <c r="C23" s="141" t="s">
        <v>188</v>
      </c>
      <c r="D23" s="141"/>
      <c r="E23" s="141"/>
      <c r="F23" s="141"/>
      <c r="G23" s="141"/>
      <c r="H23" s="141"/>
      <c r="I23" s="141"/>
      <c r="J23" s="141"/>
      <c r="K23" s="141"/>
      <c r="L23" s="141"/>
      <c r="M23" s="141"/>
      <c r="N23" s="141"/>
      <c r="O23" s="141"/>
      <c r="P23" s="141"/>
      <c r="Q23" s="141"/>
      <c r="R23" s="141"/>
      <c r="S23" s="141"/>
      <c r="T23" s="141"/>
      <c r="U23" s="141"/>
      <c r="V23" s="141"/>
      <c r="W23" s="142"/>
      <c r="X23" s="88"/>
      <c r="Y23" s="2" t="s">
        <v>7</v>
      </c>
      <c r="Z23" s="2" t="s">
        <v>17</v>
      </c>
      <c r="AA23" s="2" t="s">
        <v>7</v>
      </c>
      <c r="AB23" s="87"/>
    </row>
    <row r="24" spans="2:28" ht="20.100000000000001" customHeight="1">
      <c r="B24" s="131"/>
      <c r="C24" s="1" t="s">
        <v>189</v>
      </c>
      <c r="D24" s="152" t="s">
        <v>190</v>
      </c>
      <c r="E24" s="152"/>
      <c r="F24" s="152"/>
      <c r="G24" s="152"/>
      <c r="H24" s="152"/>
      <c r="I24" s="152"/>
      <c r="J24" s="152"/>
      <c r="K24" s="152"/>
      <c r="L24" s="152"/>
      <c r="M24" s="152"/>
      <c r="N24" s="152"/>
      <c r="O24" s="152"/>
      <c r="P24" s="152"/>
      <c r="Q24" s="152"/>
      <c r="R24" s="152"/>
      <c r="S24" s="152"/>
      <c r="T24" s="152"/>
      <c r="U24" s="152"/>
      <c r="V24" s="152"/>
      <c r="W24" s="171"/>
      <c r="X24" s="88"/>
      <c r="Y24" s="2"/>
      <c r="Z24" s="2"/>
      <c r="AA24" s="2"/>
      <c r="AB24" s="87"/>
    </row>
    <row r="25" spans="2:28">
      <c r="B25" s="131"/>
      <c r="X25" s="123"/>
      <c r="Y25" s="124"/>
      <c r="Z25" s="124"/>
      <c r="AA25" s="124"/>
      <c r="AB25" s="125"/>
    </row>
    <row r="26" spans="2:28">
      <c r="B26" s="172" t="s">
        <v>284</v>
      </c>
      <c r="C26" s="152"/>
      <c r="D26" s="152"/>
      <c r="E26" s="152"/>
      <c r="F26" s="152"/>
      <c r="G26" s="152"/>
      <c r="H26" s="152"/>
      <c r="I26" s="152"/>
      <c r="J26" s="152"/>
      <c r="K26" s="152"/>
      <c r="L26" s="152"/>
      <c r="M26" s="152"/>
      <c r="N26" s="152"/>
      <c r="O26" s="152"/>
      <c r="P26" s="152"/>
      <c r="Q26" s="152"/>
      <c r="R26" s="152"/>
      <c r="S26" s="152"/>
      <c r="T26" s="152"/>
      <c r="U26" s="152"/>
      <c r="V26" s="152"/>
      <c r="X26" s="123"/>
      <c r="Y26" s="124"/>
      <c r="Z26" s="124"/>
      <c r="AA26" s="124"/>
      <c r="AB26" s="125"/>
    </row>
    <row r="27" spans="2:28" ht="25.5" customHeight="1">
      <c r="B27" s="173"/>
      <c r="C27" s="152"/>
      <c r="D27" s="152"/>
      <c r="E27" s="152"/>
      <c r="F27" s="152"/>
      <c r="G27" s="152"/>
      <c r="H27" s="152"/>
      <c r="I27" s="152"/>
      <c r="J27" s="152"/>
      <c r="K27" s="152"/>
      <c r="L27" s="152"/>
      <c r="M27" s="152"/>
      <c r="N27" s="152"/>
      <c r="O27" s="152"/>
      <c r="P27" s="152"/>
      <c r="Q27" s="152"/>
      <c r="R27" s="152"/>
      <c r="S27" s="152"/>
      <c r="T27" s="152"/>
      <c r="U27" s="152"/>
      <c r="V27" s="152"/>
      <c r="X27" s="123"/>
      <c r="Y27" s="86" t="s">
        <v>16</v>
      </c>
      <c r="Z27" s="86" t="s">
        <v>17</v>
      </c>
      <c r="AA27" s="86" t="s">
        <v>18</v>
      </c>
      <c r="AB27" s="125"/>
    </row>
    <row r="28" spans="2:28" ht="6" customHeight="1">
      <c r="B28" s="131"/>
      <c r="X28" s="123"/>
      <c r="Y28" s="124"/>
      <c r="Z28" s="124"/>
      <c r="AA28" s="124"/>
      <c r="AB28" s="125"/>
    </row>
    <row r="29" spans="2:28">
      <c r="B29" s="131"/>
      <c r="C29" s="1" t="s">
        <v>22</v>
      </c>
      <c r="X29" s="123"/>
      <c r="Y29" s="124"/>
      <c r="Z29" s="124"/>
      <c r="AA29" s="124"/>
      <c r="AB29" s="125"/>
    </row>
    <row r="30" spans="2:28" ht="31.5" customHeight="1">
      <c r="B30" s="131"/>
      <c r="C30" s="141" t="s">
        <v>191</v>
      </c>
      <c r="D30" s="141"/>
      <c r="E30" s="141"/>
      <c r="F30" s="141"/>
      <c r="G30" s="141"/>
      <c r="H30" s="141"/>
      <c r="I30" s="141"/>
      <c r="J30" s="141"/>
      <c r="K30" s="141"/>
      <c r="L30" s="141"/>
      <c r="M30" s="141"/>
      <c r="N30" s="141"/>
      <c r="O30" s="141"/>
      <c r="P30" s="141"/>
      <c r="Q30" s="141"/>
      <c r="R30" s="141"/>
      <c r="S30" s="141"/>
      <c r="T30" s="141"/>
      <c r="U30" s="141"/>
      <c r="V30" s="141"/>
      <c r="W30" s="142"/>
      <c r="X30" s="123"/>
      <c r="Y30" s="124"/>
      <c r="Z30" s="124"/>
      <c r="AA30" s="124"/>
      <c r="AB30" s="125"/>
    </row>
    <row r="31" spans="2:28" ht="6.75" customHeight="1">
      <c r="B31" s="131"/>
      <c r="X31" s="123"/>
      <c r="Y31" s="124"/>
      <c r="Z31" s="124"/>
      <c r="AA31" s="124"/>
      <c r="AB31" s="125"/>
    </row>
    <row r="32" spans="2:28">
      <c r="B32" s="131"/>
      <c r="C32" s="89" t="s">
        <v>23</v>
      </c>
      <c r="D32" s="2" t="s">
        <v>7</v>
      </c>
      <c r="E32" s="152" t="s">
        <v>24</v>
      </c>
      <c r="F32" s="152"/>
      <c r="G32" s="2" t="s">
        <v>7</v>
      </c>
      <c r="H32" s="141" t="s">
        <v>25</v>
      </c>
      <c r="I32" s="141"/>
      <c r="J32" s="90" t="s">
        <v>26</v>
      </c>
      <c r="K32" s="90"/>
      <c r="L32" s="89"/>
      <c r="M32" s="89"/>
      <c r="N32" s="89"/>
      <c r="X32" s="123"/>
      <c r="Y32" s="124"/>
      <c r="Z32" s="124"/>
      <c r="AA32" s="124"/>
      <c r="AB32" s="125"/>
    </row>
    <row r="33" spans="2:36">
      <c r="B33" s="131"/>
      <c r="C33" s="1" t="s">
        <v>27</v>
      </c>
      <c r="X33" s="123"/>
      <c r="Y33" s="124"/>
      <c r="Z33" s="124"/>
      <c r="AA33" s="124"/>
      <c r="AB33" s="125"/>
    </row>
    <row r="34" spans="2:36" ht="4.5" customHeight="1">
      <c r="B34" s="131"/>
      <c r="X34" s="123"/>
      <c r="Y34" s="124"/>
      <c r="Z34" s="124"/>
      <c r="AA34" s="124"/>
      <c r="AB34" s="125"/>
    </row>
    <row r="35" spans="2:36" ht="33.75" customHeight="1">
      <c r="B35" s="131"/>
      <c r="C35" s="128"/>
      <c r="D35" s="146"/>
      <c r="E35" s="147"/>
      <c r="F35" s="147"/>
      <c r="G35" s="147"/>
      <c r="H35" s="147"/>
      <c r="I35" s="147"/>
      <c r="J35" s="147"/>
      <c r="K35" s="147"/>
      <c r="L35" s="147"/>
      <c r="M35" s="157"/>
      <c r="N35" s="168" t="s">
        <v>28</v>
      </c>
      <c r="O35" s="169"/>
      <c r="P35" s="170"/>
      <c r="X35" s="123"/>
      <c r="AB35" s="125"/>
    </row>
    <row r="36" spans="2:36" ht="27.75" customHeight="1">
      <c r="B36" s="131"/>
      <c r="C36" s="91" t="s">
        <v>29</v>
      </c>
      <c r="D36" s="162" t="s">
        <v>30</v>
      </c>
      <c r="E36" s="162"/>
      <c r="F36" s="162"/>
      <c r="G36" s="162"/>
      <c r="H36" s="162"/>
      <c r="I36" s="162"/>
      <c r="J36" s="162"/>
      <c r="K36" s="162"/>
      <c r="L36" s="162"/>
      <c r="M36" s="162"/>
      <c r="N36" s="146"/>
      <c r="O36" s="147"/>
      <c r="P36" s="127" t="s">
        <v>31</v>
      </c>
      <c r="X36" s="88"/>
      <c r="Y36" s="2"/>
      <c r="Z36" s="2"/>
      <c r="AA36" s="2"/>
      <c r="AB36" s="87"/>
      <c r="AJ36" s="90"/>
    </row>
    <row r="37" spans="2:36" ht="40.5" customHeight="1">
      <c r="B37" s="131"/>
      <c r="C37" s="91" t="s">
        <v>32</v>
      </c>
      <c r="D37" s="161" t="s">
        <v>33</v>
      </c>
      <c r="E37" s="162"/>
      <c r="F37" s="162"/>
      <c r="G37" s="162"/>
      <c r="H37" s="162"/>
      <c r="I37" s="162"/>
      <c r="J37" s="162"/>
      <c r="K37" s="162"/>
      <c r="L37" s="162"/>
      <c r="M37" s="162"/>
      <c r="N37" s="146"/>
      <c r="O37" s="147"/>
      <c r="P37" s="127" t="s">
        <v>31</v>
      </c>
      <c r="Q37" s="1" t="s">
        <v>34</v>
      </c>
      <c r="R37" s="141" t="s">
        <v>35</v>
      </c>
      <c r="S37" s="141"/>
      <c r="T37" s="141"/>
      <c r="U37" s="141"/>
      <c r="V37" s="141"/>
      <c r="X37" s="88"/>
      <c r="Y37" s="2" t="s">
        <v>7</v>
      </c>
      <c r="Z37" s="2" t="s">
        <v>17</v>
      </c>
      <c r="AA37" s="2" t="s">
        <v>7</v>
      </c>
      <c r="AB37" s="87"/>
      <c r="AC37" s="131"/>
      <c r="AJ37" s="90"/>
    </row>
    <row r="38" spans="2:36" ht="62.25" customHeight="1">
      <c r="B38" s="92"/>
      <c r="C38" s="91" t="s">
        <v>36</v>
      </c>
      <c r="D38" s="163" t="s">
        <v>37</v>
      </c>
      <c r="E38" s="164"/>
      <c r="F38" s="164"/>
      <c r="G38" s="164"/>
      <c r="H38" s="164"/>
      <c r="I38" s="164"/>
      <c r="J38" s="164"/>
      <c r="K38" s="164"/>
      <c r="L38" s="164"/>
      <c r="M38" s="165"/>
      <c r="N38" s="166"/>
      <c r="O38" s="167"/>
      <c r="P38" s="129" t="s">
        <v>31</v>
      </c>
      <c r="Q38" s="131" t="s">
        <v>34</v>
      </c>
      <c r="R38" s="141" t="s">
        <v>38</v>
      </c>
      <c r="S38" s="141"/>
      <c r="T38" s="141"/>
      <c r="U38" s="141"/>
      <c r="V38" s="141"/>
      <c r="X38" s="88"/>
      <c r="Y38" s="2" t="s">
        <v>7</v>
      </c>
      <c r="Z38" s="2" t="s">
        <v>17</v>
      </c>
      <c r="AA38" s="2" t="s">
        <v>7</v>
      </c>
      <c r="AB38" s="87"/>
      <c r="AC38" s="131"/>
      <c r="AJ38" s="89"/>
    </row>
    <row r="39" spans="2:36">
      <c r="B39" s="131"/>
      <c r="X39" s="123"/>
      <c r="Y39" s="124"/>
      <c r="Z39" s="124"/>
      <c r="AA39" s="124"/>
      <c r="AB39" s="125"/>
    </row>
    <row r="40" spans="2:36">
      <c r="B40" s="131"/>
      <c r="C40" s="1" t="s">
        <v>39</v>
      </c>
      <c r="L40" s="90"/>
      <c r="M40" s="90"/>
      <c r="N40" s="90"/>
      <c r="Q40" s="90"/>
      <c r="R40" s="90"/>
      <c r="S40" s="90"/>
      <c r="T40" s="90"/>
      <c r="U40" s="90"/>
      <c r="V40" s="90"/>
      <c r="W40" s="90"/>
      <c r="X40" s="154"/>
      <c r="Y40" s="155"/>
      <c r="Z40" s="155"/>
      <c r="AA40" s="155"/>
      <c r="AB40" s="156"/>
    </row>
    <row r="41" spans="2:36" ht="8.25" customHeight="1">
      <c r="B41" s="131"/>
      <c r="L41" s="90"/>
      <c r="M41" s="90"/>
      <c r="N41" s="90"/>
      <c r="Q41" s="90"/>
      <c r="R41" s="90"/>
      <c r="S41" s="90"/>
      <c r="T41" s="90"/>
      <c r="U41" s="90"/>
      <c r="V41" s="90"/>
      <c r="W41" s="90"/>
      <c r="X41" s="123"/>
      <c r="Y41" s="124"/>
      <c r="Z41" s="124"/>
      <c r="AA41" s="124"/>
      <c r="AB41" s="125"/>
    </row>
    <row r="42" spans="2:36" ht="18.75" customHeight="1">
      <c r="B42" s="131"/>
      <c r="C42" s="146"/>
      <c r="D42" s="147"/>
      <c r="E42" s="147"/>
      <c r="F42" s="147"/>
      <c r="G42" s="147"/>
      <c r="H42" s="147"/>
      <c r="I42" s="147"/>
      <c r="J42" s="157"/>
      <c r="K42" s="146" t="s">
        <v>40</v>
      </c>
      <c r="L42" s="147"/>
      <c r="M42" s="147"/>
      <c r="N42" s="147"/>
      <c r="O42" s="147"/>
      <c r="P42" s="157"/>
      <c r="Q42" s="146" t="s">
        <v>41</v>
      </c>
      <c r="R42" s="147"/>
      <c r="S42" s="147"/>
      <c r="T42" s="147"/>
      <c r="U42" s="147"/>
      <c r="V42" s="157"/>
      <c r="W42" s="90"/>
      <c r="X42" s="123"/>
      <c r="Y42" s="124"/>
      <c r="Z42" s="124"/>
      <c r="AA42" s="124"/>
      <c r="AB42" s="125"/>
    </row>
    <row r="43" spans="2:36" ht="18.75" customHeight="1">
      <c r="B43" s="131"/>
      <c r="C43" s="153" t="s">
        <v>42</v>
      </c>
      <c r="D43" s="153"/>
      <c r="E43" s="153"/>
      <c r="F43" s="153"/>
      <c r="G43" s="153"/>
      <c r="H43" s="153"/>
      <c r="I43" s="153" t="s">
        <v>43</v>
      </c>
      <c r="J43" s="153"/>
      <c r="K43" s="146"/>
      <c r="L43" s="147"/>
      <c r="M43" s="147"/>
      <c r="N43" s="147"/>
      <c r="O43" s="147"/>
      <c r="P43" s="93" t="s">
        <v>31</v>
      </c>
      <c r="Q43" s="158"/>
      <c r="R43" s="159"/>
      <c r="S43" s="159"/>
      <c r="T43" s="159"/>
      <c r="U43" s="159"/>
      <c r="V43" s="160"/>
      <c r="W43" s="90"/>
      <c r="X43" s="123"/>
      <c r="Y43" s="124"/>
      <c r="Z43" s="124"/>
      <c r="AA43" s="124"/>
      <c r="AB43" s="125"/>
    </row>
    <row r="44" spans="2:36" ht="18.75" customHeight="1">
      <c r="B44" s="131"/>
      <c r="C44" s="153"/>
      <c r="D44" s="153"/>
      <c r="E44" s="153"/>
      <c r="F44" s="153"/>
      <c r="G44" s="153"/>
      <c r="H44" s="153"/>
      <c r="I44" s="153" t="s">
        <v>44</v>
      </c>
      <c r="J44" s="153"/>
      <c r="K44" s="146"/>
      <c r="L44" s="147"/>
      <c r="M44" s="147"/>
      <c r="N44" s="147"/>
      <c r="O44" s="147"/>
      <c r="P44" s="93" t="s">
        <v>31</v>
      </c>
      <c r="Q44" s="146"/>
      <c r="R44" s="147"/>
      <c r="S44" s="147"/>
      <c r="T44" s="147"/>
      <c r="U44" s="147"/>
      <c r="V44" s="93" t="s">
        <v>31</v>
      </c>
      <c r="W44" s="90"/>
      <c r="X44" s="123"/>
      <c r="Y44" s="124"/>
      <c r="Z44" s="124"/>
      <c r="AA44" s="124"/>
      <c r="AB44" s="125"/>
    </row>
    <row r="45" spans="2:36">
      <c r="B45" s="131"/>
      <c r="L45" s="1" t="s">
        <v>45</v>
      </c>
      <c r="X45" s="123"/>
      <c r="Y45" s="124"/>
      <c r="Z45" s="124"/>
      <c r="AA45" s="124"/>
      <c r="AB45" s="125"/>
    </row>
    <row r="46" spans="2:36" ht="72" customHeight="1">
      <c r="B46" s="131"/>
      <c r="C46" s="141" t="s">
        <v>285</v>
      </c>
      <c r="D46" s="141"/>
      <c r="E46" s="141"/>
      <c r="F46" s="141"/>
      <c r="G46" s="141"/>
      <c r="H46" s="141"/>
      <c r="I46" s="141"/>
      <c r="J46" s="141"/>
      <c r="K46" s="141"/>
      <c r="L46" s="141"/>
      <c r="M46" s="141"/>
      <c r="N46" s="141"/>
      <c r="O46" s="141"/>
      <c r="P46" s="141"/>
      <c r="Q46" s="141"/>
      <c r="R46" s="141"/>
      <c r="S46" s="141"/>
      <c r="T46" s="141"/>
      <c r="U46" s="141"/>
      <c r="V46" s="141"/>
      <c r="X46" s="88"/>
      <c r="Y46" s="2" t="s">
        <v>7</v>
      </c>
      <c r="Z46" s="2" t="s">
        <v>17</v>
      </c>
      <c r="AA46" s="2" t="s">
        <v>7</v>
      </c>
      <c r="AB46" s="87"/>
    </row>
    <row r="47" spans="2:36" ht="9.75" customHeight="1">
      <c r="B47" s="131"/>
      <c r="C47" s="122"/>
      <c r="D47" s="122"/>
      <c r="E47" s="122"/>
      <c r="F47" s="122"/>
      <c r="G47" s="122"/>
      <c r="H47" s="122"/>
      <c r="I47" s="122"/>
      <c r="J47" s="122"/>
      <c r="K47" s="122"/>
      <c r="L47" s="122"/>
      <c r="M47" s="122"/>
      <c r="N47" s="122"/>
      <c r="O47" s="122"/>
      <c r="P47" s="122"/>
      <c r="Q47" s="122"/>
      <c r="R47" s="122"/>
      <c r="S47" s="122"/>
      <c r="T47" s="122"/>
      <c r="U47" s="122"/>
      <c r="V47" s="122"/>
      <c r="X47" s="88"/>
      <c r="Y47" s="2"/>
      <c r="Z47" s="2"/>
      <c r="AA47" s="2"/>
      <c r="AB47" s="87"/>
    </row>
    <row r="48" spans="2:36" ht="69.95" customHeight="1">
      <c r="B48" s="131"/>
      <c r="C48" s="141" t="s">
        <v>192</v>
      </c>
      <c r="D48" s="141"/>
      <c r="E48" s="141"/>
      <c r="F48" s="141"/>
      <c r="G48" s="141"/>
      <c r="H48" s="141"/>
      <c r="I48" s="141"/>
      <c r="J48" s="141"/>
      <c r="K48" s="141"/>
      <c r="L48" s="141"/>
      <c r="M48" s="141"/>
      <c r="N48" s="141"/>
      <c r="O48" s="141"/>
      <c r="P48" s="141"/>
      <c r="Q48" s="141"/>
      <c r="R48" s="141"/>
      <c r="S48" s="141"/>
      <c r="T48" s="141"/>
      <c r="U48" s="141"/>
      <c r="V48" s="141"/>
      <c r="X48" s="88"/>
      <c r="Y48" s="2" t="s">
        <v>7</v>
      </c>
      <c r="Z48" s="2" t="s">
        <v>17</v>
      </c>
      <c r="AA48" s="2" t="s">
        <v>7</v>
      </c>
      <c r="AB48" s="87"/>
    </row>
    <row r="49" spans="2:28" ht="15" customHeight="1">
      <c r="B49" s="131"/>
      <c r="C49" s="122"/>
      <c r="D49" s="122"/>
      <c r="E49" s="122"/>
      <c r="F49" s="122"/>
      <c r="G49" s="122"/>
      <c r="H49" s="122"/>
      <c r="I49" s="122"/>
      <c r="J49" s="122"/>
      <c r="K49" s="122"/>
      <c r="L49" s="122"/>
      <c r="M49" s="122"/>
      <c r="N49" s="122"/>
      <c r="O49" s="122"/>
      <c r="P49" s="122"/>
      <c r="Q49" s="122"/>
      <c r="R49" s="122"/>
      <c r="S49" s="122"/>
      <c r="T49" s="122"/>
      <c r="U49" s="122"/>
      <c r="V49" s="122"/>
      <c r="X49" s="88"/>
      <c r="Y49" s="2"/>
      <c r="Z49" s="2"/>
      <c r="AA49" s="2"/>
      <c r="AB49" s="87"/>
    </row>
    <row r="50" spans="2:28">
      <c r="B50" s="131"/>
      <c r="C50" s="140" t="s">
        <v>193</v>
      </c>
      <c r="X50" s="123"/>
      <c r="Y50" s="124"/>
      <c r="Z50" s="124"/>
      <c r="AA50" s="124"/>
      <c r="AB50" s="125"/>
    </row>
    <row r="51" spans="2:28">
      <c r="B51" s="131"/>
      <c r="C51" s="128"/>
      <c r="D51" s="144"/>
      <c r="E51" s="144"/>
      <c r="F51" s="144"/>
      <c r="G51" s="144"/>
      <c r="H51" s="144"/>
      <c r="I51" s="144"/>
      <c r="J51" s="144"/>
      <c r="K51" s="144"/>
      <c r="L51" s="144"/>
      <c r="M51" s="144"/>
      <c r="N51" s="143" t="s">
        <v>28</v>
      </c>
      <c r="O51" s="144"/>
      <c r="P51" s="144"/>
      <c r="X51" s="123"/>
      <c r="Y51" s="124"/>
      <c r="Z51" s="124"/>
      <c r="AA51" s="124"/>
      <c r="AB51" s="125"/>
    </row>
    <row r="52" spans="2:28">
      <c r="B52" s="131"/>
      <c r="C52" s="128" t="s">
        <v>29</v>
      </c>
      <c r="D52" s="153" t="s">
        <v>194</v>
      </c>
      <c r="E52" s="153"/>
      <c r="F52" s="153"/>
      <c r="G52" s="153"/>
      <c r="H52" s="153"/>
      <c r="I52" s="153"/>
      <c r="J52" s="153"/>
      <c r="K52" s="153"/>
      <c r="L52" s="153"/>
      <c r="M52" s="153"/>
      <c r="N52" s="146"/>
      <c r="O52" s="147"/>
      <c r="P52" s="93" t="s">
        <v>31</v>
      </c>
      <c r="X52" s="123"/>
      <c r="Y52" s="124"/>
      <c r="Z52" s="124"/>
      <c r="AA52" s="124"/>
      <c r="AB52" s="125"/>
    </row>
    <row r="53" spans="2:28" ht="29.1" customHeight="1">
      <c r="B53" s="131"/>
      <c r="C53" s="128" t="s">
        <v>32</v>
      </c>
      <c r="D53" s="145" t="s">
        <v>195</v>
      </c>
      <c r="E53" s="145"/>
      <c r="F53" s="145"/>
      <c r="G53" s="145"/>
      <c r="H53" s="145"/>
      <c r="I53" s="145"/>
      <c r="J53" s="145"/>
      <c r="K53" s="145"/>
      <c r="L53" s="145"/>
      <c r="M53" s="145"/>
      <c r="N53" s="146"/>
      <c r="O53" s="147"/>
      <c r="P53" s="93" t="s">
        <v>31</v>
      </c>
      <c r="Q53" s="1" t="s">
        <v>34</v>
      </c>
      <c r="R53" s="148" t="s">
        <v>196</v>
      </c>
      <c r="S53" s="148"/>
      <c r="T53" s="148"/>
      <c r="U53" s="148"/>
      <c r="V53" s="148"/>
      <c r="X53" s="123"/>
      <c r="Y53" s="124"/>
      <c r="Z53" s="124"/>
      <c r="AA53" s="124"/>
      <c r="AB53" s="125"/>
    </row>
    <row r="54" spans="2:28">
      <c r="B54" s="131"/>
      <c r="R54" s="148"/>
      <c r="S54" s="148"/>
      <c r="T54" s="148"/>
      <c r="U54" s="148"/>
      <c r="V54" s="148"/>
      <c r="X54" s="123"/>
      <c r="Y54" s="2" t="s">
        <v>7</v>
      </c>
      <c r="Z54" s="2" t="s">
        <v>17</v>
      </c>
      <c r="AA54" s="2" t="s">
        <v>7</v>
      </c>
      <c r="AB54" s="125"/>
    </row>
    <row r="55" spans="2:28">
      <c r="B55" s="131"/>
      <c r="X55" s="123"/>
      <c r="Y55" s="124"/>
      <c r="Z55" s="124"/>
      <c r="AA55" s="124"/>
      <c r="AB55" s="125"/>
    </row>
    <row r="56" spans="2:28" ht="13.15" customHeight="1">
      <c r="B56" s="149" t="s">
        <v>286</v>
      </c>
      <c r="C56" s="150"/>
      <c r="D56" s="150"/>
      <c r="E56" s="150"/>
      <c r="F56" s="150"/>
      <c r="G56" s="150"/>
      <c r="H56" s="150"/>
      <c r="I56" s="150"/>
      <c r="J56" s="150"/>
      <c r="K56" s="150"/>
      <c r="L56" s="150"/>
      <c r="M56" s="150"/>
      <c r="N56" s="150"/>
      <c r="O56" s="150"/>
      <c r="P56" s="150"/>
      <c r="Q56" s="150"/>
      <c r="R56" s="150"/>
      <c r="S56" s="150"/>
      <c r="T56" s="150"/>
      <c r="U56" s="150"/>
      <c r="V56" s="150"/>
      <c r="X56" s="123"/>
      <c r="Y56" s="86" t="s">
        <v>16</v>
      </c>
      <c r="Z56" s="86" t="s">
        <v>17</v>
      </c>
      <c r="AA56" s="86" t="s">
        <v>18</v>
      </c>
      <c r="AB56" s="125"/>
    </row>
    <row r="57" spans="2:28" ht="12.75" customHeight="1">
      <c r="B57" s="151"/>
      <c r="C57" s="150"/>
      <c r="D57" s="150"/>
      <c r="E57" s="150"/>
      <c r="F57" s="150"/>
      <c r="G57" s="150"/>
      <c r="H57" s="150"/>
      <c r="I57" s="150"/>
      <c r="J57" s="150"/>
      <c r="K57" s="150"/>
      <c r="L57" s="150"/>
      <c r="M57" s="150"/>
      <c r="N57" s="150"/>
      <c r="O57" s="150"/>
      <c r="P57" s="150"/>
      <c r="Q57" s="150"/>
      <c r="R57" s="150"/>
      <c r="S57" s="150"/>
      <c r="T57" s="150"/>
      <c r="U57" s="150"/>
      <c r="V57" s="150"/>
      <c r="X57" s="123"/>
      <c r="Y57" s="86"/>
      <c r="Z57" s="86"/>
      <c r="AA57" s="86"/>
      <c r="AB57" s="125"/>
    </row>
    <row r="58" spans="2:28" ht="6" customHeight="1">
      <c r="B58" s="131"/>
      <c r="X58" s="123"/>
      <c r="Y58" s="86"/>
      <c r="Z58" s="86"/>
      <c r="AA58" s="86"/>
      <c r="AB58" s="125"/>
    </row>
    <row r="59" spans="2:28">
      <c r="B59" s="131"/>
      <c r="C59" s="89" t="s">
        <v>23</v>
      </c>
      <c r="D59" s="2" t="s">
        <v>7</v>
      </c>
      <c r="E59" s="152" t="s">
        <v>24</v>
      </c>
      <c r="F59" s="152"/>
      <c r="G59" s="2" t="s">
        <v>7</v>
      </c>
      <c r="H59" s="141" t="s">
        <v>25</v>
      </c>
      <c r="I59" s="141"/>
      <c r="J59" s="90" t="s">
        <v>46</v>
      </c>
      <c r="K59" s="90"/>
      <c r="X59" s="123"/>
      <c r="Y59" s="124"/>
      <c r="Z59" s="124"/>
      <c r="AA59" s="124"/>
      <c r="AB59" s="125"/>
    </row>
    <row r="60" spans="2:28" ht="39.75" customHeight="1">
      <c r="B60" s="131"/>
      <c r="C60" s="141" t="s">
        <v>287</v>
      </c>
      <c r="D60" s="141"/>
      <c r="E60" s="141"/>
      <c r="F60" s="141"/>
      <c r="G60" s="141"/>
      <c r="H60" s="141"/>
      <c r="I60" s="141"/>
      <c r="J60" s="141"/>
      <c r="K60" s="141"/>
      <c r="L60" s="141"/>
      <c r="M60" s="141"/>
      <c r="N60" s="141"/>
      <c r="O60" s="141"/>
      <c r="P60" s="141"/>
      <c r="Q60" s="141"/>
      <c r="R60" s="141"/>
      <c r="S60" s="141"/>
      <c r="T60" s="141"/>
      <c r="U60" s="141"/>
      <c r="V60" s="141"/>
      <c r="W60" s="142"/>
      <c r="X60" s="88"/>
      <c r="Y60" s="2" t="s">
        <v>7</v>
      </c>
      <c r="Z60" s="2" t="s">
        <v>17</v>
      </c>
      <c r="AA60" s="2" t="s">
        <v>7</v>
      </c>
      <c r="AB60" s="87"/>
    </row>
    <row r="61" spans="2:28">
      <c r="B61" s="131"/>
      <c r="C61" s="1" t="s">
        <v>197</v>
      </c>
      <c r="X61" s="88"/>
      <c r="Y61" s="90"/>
      <c r="Z61" s="90"/>
      <c r="AA61" s="90"/>
      <c r="AB61" s="87"/>
    </row>
    <row r="62" spans="2:28">
      <c r="B62" s="131"/>
      <c r="C62" s="141" t="s">
        <v>198</v>
      </c>
      <c r="D62" s="141"/>
      <c r="E62" s="141"/>
      <c r="F62" s="141"/>
      <c r="G62" s="141"/>
      <c r="H62" s="141"/>
      <c r="I62" s="141"/>
      <c r="J62" s="141"/>
      <c r="K62" s="141"/>
      <c r="L62" s="141"/>
      <c r="M62" s="141"/>
      <c r="N62" s="141"/>
      <c r="O62" s="141"/>
      <c r="P62" s="141"/>
      <c r="Q62" s="141"/>
      <c r="R62" s="141"/>
      <c r="S62" s="141"/>
      <c r="T62" s="141"/>
      <c r="U62" s="141"/>
      <c r="V62" s="141"/>
      <c r="W62" s="142"/>
      <c r="X62" s="88"/>
      <c r="Y62" s="2" t="s">
        <v>7</v>
      </c>
      <c r="Z62" s="2" t="s">
        <v>17</v>
      </c>
      <c r="AA62" s="2" t="s">
        <v>7</v>
      </c>
      <c r="AB62" s="87"/>
    </row>
    <row r="63" spans="2:28" ht="12.95" customHeight="1">
      <c r="B63" s="131"/>
      <c r="C63" s="141" t="s">
        <v>279</v>
      </c>
      <c r="D63" s="141"/>
      <c r="E63" s="141"/>
      <c r="F63" s="141"/>
      <c r="G63" s="141"/>
      <c r="H63" s="141"/>
      <c r="I63" s="141"/>
      <c r="J63" s="141"/>
      <c r="K63" s="141"/>
      <c r="L63" s="141"/>
      <c r="M63" s="141"/>
      <c r="N63" s="141"/>
      <c r="O63" s="141"/>
      <c r="P63" s="141"/>
      <c r="Q63" s="141"/>
      <c r="R63" s="141"/>
      <c r="S63" s="141"/>
      <c r="T63" s="141"/>
      <c r="U63" s="141"/>
      <c r="V63" s="141"/>
      <c r="W63" s="142"/>
      <c r="X63" s="88"/>
      <c r="Y63" s="2"/>
      <c r="Z63" s="2"/>
      <c r="AA63" s="2"/>
      <c r="AB63" s="87"/>
    </row>
    <row r="64" spans="2:28">
      <c r="B64" s="94"/>
      <c r="C64" s="81"/>
      <c r="D64" s="81"/>
      <c r="E64" s="81"/>
      <c r="F64" s="81"/>
      <c r="G64" s="81"/>
      <c r="H64" s="81"/>
      <c r="I64" s="81"/>
      <c r="J64" s="81"/>
      <c r="K64" s="81"/>
      <c r="L64" s="81"/>
      <c r="M64" s="81"/>
      <c r="N64" s="81"/>
      <c r="O64" s="81"/>
      <c r="P64" s="81"/>
      <c r="Q64" s="81"/>
      <c r="R64" s="81"/>
      <c r="S64" s="81"/>
      <c r="T64" s="81"/>
      <c r="U64" s="81"/>
      <c r="V64" s="81"/>
      <c r="W64" s="81"/>
      <c r="X64" s="94"/>
      <c r="Y64" s="81"/>
      <c r="Z64" s="81"/>
      <c r="AA64" s="81"/>
      <c r="AB64" s="95"/>
    </row>
    <row r="66" spans="2:2">
      <c r="B66" s="1" t="s">
        <v>199</v>
      </c>
    </row>
    <row r="67" spans="2:2">
      <c r="B67" s="1" t="s">
        <v>288</v>
      </c>
    </row>
    <row r="68" spans="2:2">
      <c r="B68" s="1" t="s">
        <v>47</v>
      </c>
    </row>
    <row r="69" spans="2:2">
      <c r="B69" s="1" t="s">
        <v>48</v>
      </c>
    </row>
    <row r="70" spans="2:2">
      <c r="B70" s="1" t="s">
        <v>49</v>
      </c>
    </row>
    <row r="71" spans="2:2">
      <c r="B71" s="1" t="s">
        <v>50</v>
      </c>
    </row>
    <row r="72" spans="2:2">
      <c r="B72" s="1" t="s">
        <v>51</v>
      </c>
    </row>
    <row r="73" spans="2:2">
      <c r="B73" s="1" t="s">
        <v>52</v>
      </c>
    </row>
  </sheetData>
  <mergeCells count="56">
    <mergeCell ref="B12:V13"/>
    <mergeCell ref="B4:AB4"/>
    <mergeCell ref="B6:F6"/>
    <mergeCell ref="G6:AB6"/>
    <mergeCell ref="B7:F7"/>
    <mergeCell ref="B8:F9"/>
    <mergeCell ref="C30:W30"/>
    <mergeCell ref="C15:W15"/>
    <mergeCell ref="C16:W16"/>
    <mergeCell ref="C17:W17"/>
    <mergeCell ref="C18:W18"/>
    <mergeCell ref="C19:W19"/>
    <mergeCell ref="C20:W20"/>
    <mergeCell ref="C21:W21"/>
    <mergeCell ref="C22:W22"/>
    <mergeCell ref="C23:W23"/>
    <mergeCell ref="D24:W24"/>
    <mergeCell ref="B26:V27"/>
    <mergeCell ref="E32:F32"/>
    <mergeCell ref="H32:I32"/>
    <mergeCell ref="D35:M35"/>
    <mergeCell ref="N35:P35"/>
    <mergeCell ref="D36:M36"/>
    <mergeCell ref="N36:O36"/>
    <mergeCell ref="C46:V46"/>
    <mergeCell ref="C48:V48"/>
    <mergeCell ref="D51:M51"/>
    <mergeCell ref="D37:M37"/>
    <mergeCell ref="N37:O37"/>
    <mergeCell ref="R37:V37"/>
    <mergeCell ref="D38:M38"/>
    <mergeCell ref="N38:O38"/>
    <mergeCell ref="R38:V38"/>
    <mergeCell ref="X40:AB40"/>
    <mergeCell ref="C42:J42"/>
    <mergeCell ref="K42:P42"/>
    <mergeCell ref="Q42:V42"/>
    <mergeCell ref="C43:H44"/>
    <mergeCell ref="I43:J43"/>
    <mergeCell ref="K43:O43"/>
    <mergeCell ref="Q43:V43"/>
    <mergeCell ref="I44:J44"/>
    <mergeCell ref="K44:O44"/>
    <mergeCell ref="Q44:U44"/>
    <mergeCell ref="C63:W63"/>
    <mergeCell ref="N51:P51"/>
    <mergeCell ref="C60:W60"/>
    <mergeCell ref="C62:W62"/>
    <mergeCell ref="D53:M53"/>
    <mergeCell ref="N53:O53"/>
    <mergeCell ref="R53:V54"/>
    <mergeCell ref="B56:V57"/>
    <mergeCell ref="E59:F59"/>
    <mergeCell ref="H59:I59"/>
    <mergeCell ref="D52:M52"/>
    <mergeCell ref="N52:O52"/>
  </mergeCells>
  <phoneticPr fontId="3"/>
  <pageMargins left="0.7" right="0.7" top="0.75" bottom="0.75" header="0.3" footer="0.3"/>
  <pageSetup paperSize="9" scale="88" orientation="portrait" verticalDpi="0" r:id="rId1"/>
  <rowBreaks count="1" manualBreakCount="1">
    <brk id="39" max="16383" man="1"/>
  </rowBreaks>
  <extLst>
    <ext xmlns:x14="http://schemas.microsoft.com/office/spreadsheetml/2009/9/main" uri="{CCE6A557-97BC-4b89-ADB6-D9C93CAAB3DF}">
      <x14:dataValidations xmlns:xm="http://schemas.microsoft.com/office/excel/2006/main" count="1">
        <x14:dataValidation type="list" allowBlank="1" showInputMessage="1" showErrorMessage="1" xr:uid="{A369409F-38F8-46D1-8805-C6CEFC22C93D}">
          <x14:formula1>
            <xm:f>"□,■"</xm:f>
          </x14:formula1>
          <xm:sqref>G7:G9 JC7:JC9 SY7:SY9 ACU7:ACU9 AMQ7:AMQ9 AWM7:AWM9 BGI7:BGI9 BQE7:BQE9 CAA7:CAA9 CJW7:CJW9 CTS7:CTS9 DDO7:DDO9 DNK7:DNK9 DXG7:DXG9 EHC7:EHC9 EQY7:EQY9 FAU7:FAU9 FKQ7:FKQ9 FUM7:FUM9 GEI7:GEI9 GOE7:GOE9 GYA7:GYA9 HHW7:HHW9 HRS7:HRS9 IBO7:IBO9 ILK7:ILK9 IVG7:IVG9 JFC7:JFC9 JOY7:JOY9 JYU7:JYU9 KIQ7:KIQ9 KSM7:KSM9 LCI7:LCI9 LME7:LME9 LWA7:LWA9 MFW7:MFW9 MPS7:MPS9 MZO7:MZO9 NJK7:NJK9 NTG7:NTG9 ODC7:ODC9 OMY7:OMY9 OWU7:OWU9 PGQ7:PGQ9 PQM7:PQM9 QAI7:QAI9 QKE7:QKE9 QUA7:QUA9 RDW7:RDW9 RNS7:RNS9 RXO7:RXO9 SHK7:SHK9 SRG7:SRG9 TBC7:TBC9 TKY7:TKY9 TUU7:TUU9 UEQ7:UEQ9 UOM7:UOM9 UYI7:UYI9 VIE7:VIE9 VSA7:VSA9 WBW7:WBW9 WLS7:WLS9 WVO7:WVO9 G65544:G65546 JC65544:JC65546 SY65544:SY65546 ACU65544:ACU65546 AMQ65544:AMQ65546 AWM65544:AWM65546 BGI65544:BGI65546 BQE65544:BQE65546 CAA65544:CAA65546 CJW65544:CJW65546 CTS65544:CTS65546 DDO65544:DDO65546 DNK65544:DNK65546 DXG65544:DXG65546 EHC65544:EHC65546 EQY65544:EQY65546 FAU65544:FAU65546 FKQ65544:FKQ65546 FUM65544:FUM65546 GEI65544:GEI65546 GOE65544:GOE65546 GYA65544:GYA65546 HHW65544:HHW65546 HRS65544:HRS65546 IBO65544:IBO65546 ILK65544:ILK65546 IVG65544:IVG65546 JFC65544:JFC65546 JOY65544:JOY65546 JYU65544:JYU65546 KIQ65544:KIQ65546 KSM65544:KSM65546 LCI65544:LCI65546 LME65544:LME65546 LWA65544:LWA65546 MFW65544:MFW65546 MPS65544:MPS65546 MZO65544:MZO65546 NJK65544:NJK65546 NTG65544:NTG65546 ODC65544:ODC65546 OMY65544:OMY65546 OWU65544:OWU65546 PGQ65544:PGQ65546 PQM65544:PQM65546 QAI65544:QAI65546 QKE65544:QKE65546 QUA65544:QUA65546 RDW65544:RDW65546 RNS65544:RNS65546 RXO65544:RXO65546 SHK65544:SHK65546 SRG65544:SRG65546 TBC65544:TBC65546 TKY65544:TKY65546 TUU65544:TUU65546 UEQ65544:UEQ65546 UOM65544:UOM65546 UYI65544:UYI65546 VIE65544:VIE65546 VSA65544:VSA65546 WBW65544:WBW65546 WLS65544:WLS65546 WVO65544:WVO65546 G131080:G131082 JC131080:JC131082 SY131080:SY131082 ACU131080:ACU131082 AMQ131080:AMQ131082 AWM131080:AWM131082 BGI131080:BGI131082 BQE131080:BQE131082 CAA131080:CAA131082 CJW131080:CJW131082 CTS131080:CTS131082 DDO131080:DDO131082 DNK131080:DNK131082 DXG131080:DXG131082 EHC131080:EHC131082 EQY131080:EQY131082 FAU131080:FAU131082 FKQ131080:FKQ131082 FUM131080:FUM131082 GEI131080:GEI131082 GOE131080:GOE131082 GYA131080:GYA131082 HHW131080:HHW131082 HRS131080:HRS131082 IBO131080:IBO131082 ILK131080:ILK131082 IVG131080:IVG131082 JFC131080:JFC131082 JOY131080:JOY131082 JYU131080:JYU131082 KIQ131080:KIQ131082 KSM131080:KSM131082 LCI131080:LCI131082 LME131080:LME131082 LWA131080:LWA131082 MFW131080:MFW131082 MPS131080:MPS131082 MZO131080:MZO131082 NJK131080:NJK131082 NTG131080:NTG131082 ODC131080:ODC131082 OMY131080:OMY131082 OWU131080:OWU131082 PGQ131080:PGQ131082 PQM131080:PQM131082 QAI131080:QAI131082 QKE131080:QKE131082 QUA131080:QUA131082 RDW131080:RDW131082 RNS131080:RNS131082 RXO131080:RXO131082 SHK131080:SHK131082 SRG131080:SRG131082 TBC131080:TBC131082 TKY131080:TKY131082 TUU131080:TUU131082 UEQ131080:UEQ131082 UOM131080:UOM131082 UYI131080:UYI131082 VIE131080:VIE131082 VSA131080:VSA131082 WBW131080:WBW131082 WLS131080:WLS131082 WVO131080:WVO131082 G196616:G196618 JC196616:JC196618 SY196616:SY196618 ACU196616:ACU196618 AMQ196616:AMQ196618 AWM196616:AWM196618 BGI196616:BGI196618 BQE196616:BQE196618 CAA196616:CAA196618 CJW196616:CJW196618 CTS196616:CTS196618 DDO196616:DDO196618 DNK196616:DNK196618 DXG196616:DXG196618 EHC196616:EHC196618 EQY196616:EQY196618 FAU196616:FAU196618 FKQ196616:FKQ196618 FUM196616:FUM196618 GEI196616:GEI196618 GOE196616:GOE196618 GYA196616:GYA196618 HHW196616:HHW196618 HRS196616:HRS196618 IBO196616:IBO196618 ILK196616:ILK196618 IVG196616:IVG196618 JFC196616:JFC196618 JOY196616:JOY196618 JYU196616:JYU196618 KIQ196616:KIQ196618 KSM196616:KSM196618 LCI196616:LCI196618 LME196616:LME196618 LWA196616:LWA196618 MFW196616:MFW196618 MPS196616:MPS196618 MZO196616:MZO196618 NJK196616:NJK196618 NTG196616:NTG196618 ODC196616:ODC196618 OMY196616:OMY196618 OWU196616:OWU196618 PGQ196616:PGQ196618 PQM196616:PQM196618 QAI196616:QAI196618 QKE196616:QKE196618 QUA196616:QUA196618 RDW196616:RDW196618 RNS196616:RNS196618 RXO196616:RXO196618 SHK196616:SHK196618 SRG196616:SRG196618 TBC196616:TBC196618 TKY196616:TKY196618 TUU196616:TUU196618 UEQ196616:UEQ196618 UOM196616:UOM196618 UYI196616:UYI196618 VIE196616:VIE196618 VSA196616:VSA196618 WBW196616:WBW196618 WLS196616:WLS196618 WVO196616:WVO196618 G262152:G262154 JC262152:JC262154 SY262152:SY262154 ACU262152:ACU262154 AMQ262152:AMQ262154 AWM262152:AWM262154 BGI262152:BGI262154 BQE262152:BQE262154 CAA262152:CAA262154 CJW262152:CJW262154 CTS262152:CTS262154 DDO262152:DDO262154 DNK262152:DNK262154 DXG262152:DXG262154 EHC262152:EHC262154 EQY262152:EQY262154 FAU262152:FAU262154 FKQ262152:FKQ262154 FUM262152:FUM262154 GEI262152:GEI262154 GOE262152:GOE262154 GYA262152:GYA262154 HHW262152:HHW262154 HRS262152:HRS262154 IBO262152:IBO262154 ILK262152:ILK262154 IVG262152:IVG262154 JFC262152:JFC262154 JOY262152:JOY262154 JYU262152:JYU262154 KIQ262152:KIQ262154 KSM262152:KSM262154 LCI262152:LCI262154 LME262152:LME262154 LWA262152:LWA262154 MFW262152:MFW262154 MPS262152:MPS262154 MZO262152:MZO262154 NJK262152:NJK262154 NTG262152:NTG262154 ODC262152:ODC262154 OMY262152:OMY262154 OWU262152:OWU262154 PGQ262152:PGQ262154 PQM262152:PQM262154 QAI262152:QAI262154 QKE262152:QKE262154 QUA262152:QUA262154 RDW262152:RDW262154 RNS262152:RNS262154 RXO262152:RXO262154 SHK262152:SHK262154 SRG262152:SRG262154 TBC262152:TBC262154 TKY262152:TKY262154 TUU262152:TUU262154 UEQ262152:UEQ262154 UOM262152:UOM262154 UYI262152:UYI262154 VIE262152:VIE262154 VSA262152:VSA262154 WBW262152:WBW262154 WLS262152:WLS262154 WVO262152:WVO262154 G327688:G327690 JC327688:JC327690 SY327688:SY327690 ACU327688:ACU327690 AMQ327688:AMQ327690 AWM327688:AWM327690 BGI327688:BGI327690 BQE327688:BQE327690 CAA327688:CAA327690 CJW327688:CJW327690 CTS327688:CTS327690 DDO327688:DDO327690 DNK327688:DNK327690 DXG327688:DXG327690 EHC327688:EHC327690 EQY327688:EQY327690 FAU327688:FAU327690 FKQ327688:FKQ327690 FUM327688:FUM327690 GEI327688:GEI327690 GOE327688:GOE327690 GYA327688:GYA327690 HHW327688:HHW327690 HRS327688:HRS327690 IBO327688:IBO327690 ILK327688:ILK327690 IVG327688:IVG327690 JFC327688:JFC327690 JOY327688:JOY327690 JYU327688:JYU327690 KIQ327688:KIQ327690 KSM327688:KSM327690 LCI327688:LCI327690 LME327688:LME327690 LWA327688:LWA327690 MFW327688:MFW327690 MPS327688:MPS327690 MZO327688:MZO327690 NJK327688:NJK327690 NTG327688:NTG327690 ODC327688:ODC327690 OMY327688:OMY327690 OWU327688:OWU327690 PGQ327688:PGQ327690 PQM327688:PQM327690 QAI327688:QAI327690 QKE327688:QKE327690 QUA327688:QUA327690 RDW327688:RDW327690 RNS327688:RNS327690 RXO327688:RXO327690 SHK327688:SHK327690 SRG327688:SRG327690 TBC327688:TBC327690 TKY327688:TKY327690 TUU327688:TUU327690 UEQ327688:UEQ327690 UOM327688:UOM327690 UYI327688:UYI327690 VIE327688:VIE327690 VSA327688:VSA327690 WBW327688:WBW327690 WLS327688:WLS327690 WVO327688:WVO327690 G393224:G393226 JC393224:JC393226 SY393224:SY393226 ACU393224:ACU393226 AMQ393224:AMQ393226 AWM393224:AWM393226 BGI393224:BGI393226 BQE393224:BQE393226 CAA393224:CAA393226 CJW393224:CJW393226 CTS393224:CTS393226 DDO393224:DDO393226 DNK393224:DNK393226 DXG393224:DXG393226 EHC393224:EHC393226 EQY393224:EQY393226 FAU393224:FAU393226 FKQ393224:FKQ393226 FUM393224:FUM393226 GEI393224:GEI393226 GOE393224:GOE393226 GYA393224:GYA393226 HHW393224:HHW393226 HRS393224:HRS393226 IBO393224:IBO393226 ILK393224:ILK393226 IVG393224:IVG393226 JFC393224:JFC393226 JOY393224:JOY393226 JYU393224:JYU393226 KIQ393224:KIQ393226 KSM393224:KSM393226 LCI393224:LCI393226 LME393224:LME393226 LWA393224:LWA393226 MFW393224:MFW393226 MPS393224:MPS393226 MZO393224:MZO393226 NJK393224:NJK393226 NTG393224:NTG393226 ODC393224:ODC393226 OMY393224:OMY393226 OWU393224:OWU393226 PGQ393224:PGQ393226 PQM393224:PQM393226 QAI393224:QAI393226 QKE393224:QKE393226 QUA393224:QUA393226 RDW393224:RDW393226 RNS393224:RNS393226 RXO393224:RXO393226 SHK393224:SHK393226 SRG393224:SRG393226 TBC393224:TBC393226 TKY393224:TKY393226 TUU393224:TUU393226 UEQ393224:UEQ393226 UOM393224:UOM393226 UYI393224:UYI393226 VIE393224:VIE393226 VSA393224:VSA393226 WBW393224:WBW393226 WLS393224:WLS393226 WVO393224:WVO393226 G458760:G458762 JC458760:JC458762 SY458760:SY458762 ACU458760:ACU458762 AMQ458760:AMQ458762 AWM458760:AWM458762 BGI458760:BGI458762 BQE458760:BQE458762 CAA458760:CAA458762 CJW458760:CJW458762 CTS458760:CTS458762 DDO458760:DDO458762 DNK458760:DNK458762 DXG458760:DXG458762 EHC458760:EHC458762 EQY458760:EQY458762 FAU458760:FAU458762 FKQ458760:FKQ458762 FUM458760:FUM458762 GEI458760:GEI458762 GOE458760:GOE458762 GYA458760:GYA458762 HHW458760:HHW458762 HRS458760:HRS458762 IBO458760:IBO458762 ILK458760:ILK458762 IVG458760:IVG458762 JFC458760:JFC458762 JOY458760:JOY458762 JYU458760:JYU458762 KIQ458760:KIQ458762 KSM458760:KSM458762 LCI458760:LCI458762 LME458760:LME458762 LWA458760:LWA458762 MFW458760:MFW458762 MPS458760:MPS458762 MZO458760:MZO458762 NJK458760:NJK458762 NTG458760:NTG458762 ODC458760:ODC458762 OMY458760:OMY458762 OWU458760:OWU458762 PGQ458760:PGQ458762 PQM458760:PQM458762 QAI458760:QAI458762 QKE458760:QKE458762 QUA458760:QUA458762 RDW458760:RDW458762 RNS458760:RNS458762 RXO458760:RXO458762 SHK458760:SHK458762 SRG458760:SRG458762 TBC458760:TBC458762 TKY458760:TKY458762 TUU458760:TUU458762 UEQ458760:UEQ458762 UOM458760:UOM458762 UYI458760:UYI458762 VIE458760:VIE458762 VSA458760:VSA458762 WBW458760:WBW458762 WLS458760:WLS458762 WVO458760:WVO458762 G524296:G524298 JC524296:JC524298 SY524296:SY524298 ACU524296:ACU524298 AMQ524296:AMQ524298 AWM524296:AWM524298 BGI524296:BGI524298 BQE524296:BQE524298 CAA524296:CAA524298 CJW524296:CJW524298 CTS524296:CTS524298 DDO524296:DDO524298 DNK524296:DNK524298 DXG524296:DXG524298 EHC524296:EHC524298 EQY524296:EQY524298 FAU524296:FAU524298 FKQ524296:FKQ524298 FUM524296:FUM524298 GEI524296:GEI524298 GOE524296:GOE524298 GYA524296:GYA524298 HHW524296:HHW524298 HRS524296:HRS524298 IBO524296:IBO524298 ILK524296:ILK524298 IVG524296:IVG524298 JFC524296:JFC524298 JOY524296:JOY524298 JYU524296:JYU524298 KIQ524296:KIQ524298 KSM524296:KSM524298 LCI524296:LCI524298 LME524296:LME524298 LWA524296:LWA524298 MFW524296:MFW524298 MPS524296:MPS524298 MZO524296:MZO524298 NJK524296:NJK524298 NTG524296:NTG524298 ODC524296:ODC524298 OMY524296:OMY524298 OWU524296:OWU524298 PGQ524296:PGQ524298 PQM524296:PQM524298 QAI524296:QAI524298 QKE524296:QKE524298 QUA524296:QUA524298 RDW524296:RDW524298 RNS524296:RNS524298 RXO524296:RXO524298 SHK524296:SHK524298 SRG524296:SRG524298 TBC524296:TBC524298 TKY524296:TKY524298 TUU524296:TUU524298 UEQ524296:UEQ524298 UOM524296:UOM524298 UYI524296:UYI524298 VIE524296:VIE524298 VSA524296:VSA524298 WBW524296:WBW524298 WLS524296:WLS524298 WVO524296:WVO524298 G589832:G589834 JC589832:JC589834 SY589832:SY589834 ACU589832:ACU589834 AMQ589832:AMQ589834 AWM589832:AWM589834 BGI589832:BGI589834 BQE589832:BQE589834 CAA589832:CAA589834 CJW589832:CJW589834 CTS589832:CTS589834 DDO589832:DDO589834 DNK589832:DNK589834 DXG589832:DXG589834 EHC589832:EHC589834 EQY589832:EQY589834 FAU589832:FAU589834 FKQ589832:FKQ589834 FUM589832:FUM589834 GEI589832:GEI589834 GOE589832:GOE589834 GYA589832:GYA589834 HHW589832:HHW589834 HRS589832:HRS589834 IBO589832:IBO589834 ILK589832:ILK589834 IVG589832:IVG589834 JFC589832:JFC589834 JOY589832:JOY589834 JYU589832:JYU589834 KIQ589832:KIQ589834 KSM589832:KSM589834 LCI589832:LCI589834 LME589832:LME589834 LWA589832:LWA589834 MFW589832:MFW589834 MPS589832:MPS589834 MZO589832:MZO589834 NJK589832:NJK589834 NTG589832:NTG589834 ODC589832:ODC589834 OMY589832:OMY589834 OWU589832:OWU589834 PGQ589832:PGQ589834 PQM589832:PQM589834 QAI589832:QAI589834 QKE589832:QKE589834 QUA589832:QUA589834 RDW589832:RDW589834 RNS589832:RNS589834 RXO589832:RXO589834 SHK589832:SHK589834 SRG589832:SRG589834 TBC589832:TBC589834 TKY589832:TKY589834 TUU589832:TUU589834 UEQ589832:UEQ589834 UOM589832:UOM589834 UYI589832:UYI589834 VIE589832:VIE589834 VSA589832:VSA589834 WBW589832:WBW589834 WLS589832:WLS589834 WVO589832:WVO589834 G655368:G655370 JC655368:JC655370 SY655368:SY655370 ACU655368:ACU655370 AMQ655368:AMQ655370 AWM655368:AWM655370 BGI655368:BGI655370 BQE655368:BQE655370 CAA655368:CAA655370 CJW655368:CJW655370 CTS655368:CTS655370 DDO655368:DDO655370 DNK655368:DNK655370 DXG655368:DXG655370 EHC655368:EHC655370 EQY655368:EQY655370 FAU655368:FAU655370 FKQ655368:FKQ655370 FUM655368:FUM655370 GEI655368:GEI655370 GOE655368:GOE655370 GYA655368:GYA655370 HHW655368:HHW655370 HRS655368:HRS655370 IBO655368:IBO655370 ILK655368:ILK655370 IVG655368:IVG655370 JFC655368:JFC655370 JOY655368:JOY655370 JYU655368:JYU655370 KIQ655368:KIQ655370 KSM655368:KSM655370 LCI655368:LCI655370 LME655368:LME655370 LWA655368:LWA655370 MFW655368:MFW655370 MPS655368:MPS655370 MZO655368:MZO655370 NJK655368:NJK655370 NTG655368:NTG655370 ODC655368:ODC655370 OMY655368:OMY655370 OWU655368:OWU655370 PGQ655368:PGQ655370 PQM655368:PQM655370 QAI655368:QAI655370 QKE655368:QKE655370 QUA655368:QUA655370 RDW655368:RDW655370 RNS655368:RNS655370 RXO655368:RXO655370 SHK655368:SHK655370 SRG655368:SRG655370 TBC655368:TBC655370 TKY655368:TKY655370 TUU655368:TUU655370 UEQ655368:UEQ655370 UOM655368:UOM655370 UYI655368:UYI655370 VIE655368:VIE655370 VSA655368:VSA655370 WBW655368:WBW655370 WLS655368:WLS655370 WVO655368:WVO655370 G720904:G720906 JC720904:JC720906 SY720904:SY720906 ACU720904:ACU720906 AMQ720904:AMQ720906 AWM720904:AWM720906 BGI720904:BGI720906 BQE720904:BQE720906 CAA720904:CAA720906 CJW720904:CJW720906 CTS720904:CTS720906 DDO720904:DDO720906 DNK720904:DNK720906 DXG720904:DXG720906 EHC720904:EHC720906 EQY720904:EQY720906 FAU720904:FAU720906 FKQ720904:FKQ720906 FUM720904:FUM720906 GEI720904:GEI720906 GOE720904:GOE720906 GYA720904:GYA720906 HHW720904:HHW720906 HRS720904:HRS720906 IBO720904:IBO720906 ILK720904:ILK720906 IVG720904:IVG720906 JFC720904:JFC720906 JOY720904:JOY720906 JYU720904:JYU720906 KIQ720904:KIQ720906 KSM720904:KSM720906 LCI720904:LCI720906 LME720904:LME720906 LWA720904:LWA720906 MFW720904:MFW720906 MPS720904:MPS720906 MZO720904:MZO720906 NJK720904:NJK720906 NTG720904:NTG720906 ODC720904:ODC720906 OMY720904:OMY720906 OWU720904:OWU720906 PGQ720904:PGQ720906 PQM720904:PQM720906 QAI720904:QAI720906 QKE720904:QKE720906 QUA720904:QUA720906 RDW720904:RDW720906 RNS720904:RNS720906 RXO720904:RXO720906 SHK720904:SHK720906 SRG720904:SRG720906 TBC720904:TBC720906 TKY720904:TKY720906 TUU720904:TUU720906 UEQ720904:UEQ720906 UOM720904:UOM720906 UYI720904:UYI720906 VIE720904:VIE720906 VSA720904:VSA720906 WBW720904:WBW720906 WLS720904:WLS720906 WVO720904:WVO720906 G786440:G786442 JC786440:JC786442 SY786440:SY786442 ACU786440:ACU786442 AMQ786440:AMQ786442 AWM786440:AWM786442 BGI786440:BGI786442 BQE786440:BQE786442 CAA786440:CAA786442 CJW786440:CJW786442 CTS786440:CTS786442 DDO786440:DDO786442 DNK786440:DNK786442 DXG786440:DXG786442 EHC786440:EHC786442 EQY786440:EQY786442 FAU786440:FAU786442 FKQ786440:FKQ786442 FUM786440:FUM786442 GEI786440:GEI786442 GOE786440:GOE786442 GYA786440:GYA786442 HHW786440:HHW786442 HRS786440:HRS786442 IBO786440:IBO786442 ILK786440:ILK786442 IVG786440:IVG786442 JFC786440:JFC786442 JOY786440:JOY786442 JYU786440:JYU786442 KIQ786440:KIQ786442 KSM786440:KSM786442 LCI786440:LCI786442 LME786440:LME786442 LWA786440:LWA786442 MFW786440:MFW786442 MPS786440:MPS786442 MZO786440:MZO786442 NJK786440:NJK786442 NTG786440:NTG786442 ODC786440:ODC786442 OMY786440:OMY786442 OWU786440:OWU786442 PGQ786440:PGQ786442 PQM786440:PQM786442 QAI786440:QAI786442 QKE786440:QKE786442 QUA786440:QUA786442 RDW786440:RDW786442 RNS786440:RNS786442 RXO786440:RXO786442 SHK786440:SHK786442 SRG786440:SRG786442 TBC786440:TBC786442 TKY786440:TKY786442 TUU786440:TUU786442 UEQ786440:UEQ786442 UOM786440:UOM786442 UYI786440:UYI786442 VIE786440:VIE786442 VSA786440:VSA786442 WBW786440:WBW786442 WLS786440:WLS786442 WVO786440:WVO786442 G851976:G851978 JC851976:JC851978 SY851976:SY851978 ACU851976:ACU851978 AMQ851976:AMQ851978 AWM851976:AWM851978 BGI851976:BGI851978 BQE851976:BQE851978 CAA851976:CAA851978 CJW851976:CJW851978 CTS851976:CTS851978 DDO851976:DDO851978 DNK851976:DNK851978 DXG851976:DXG851978 EHC851976:EHC851978 EQY851976:EQY851978 FAU851976:FAU851978 FKQ851976:FKQ851978 FUM851976:FUM851978 GEI851976:GEI851978 GOE851976:GOE851978 GYA851976:GYA851978 HHW851976:HHW851978 HRS851976:HRS851978 IBO851976:IBO851978 ILK851976:ILK851978 IVG851976:IVG851978 JFC851976:JFC851978 JOY851976:JOY851978 JYU851976:JYU851978 KIQ851976:KIQ851978 KSM851976:KSM851978 LCI851976:LCI851978 LME851976:LME851978 LWA851976:LWA851978 MFW851976:MFW851978 MPS851976:MPS851978 MZO851976:MZO851978 NJK851976:NJK851978 NTG851976:NTG851978 ODC851976:ODC851978 OMY851976:OMY851978 OWU851976:OWU851978 PGQ851976:PGQ851978 PQM851976:PQM851978 QAI851976:QAI851978 QKE851976:QKE851978 QUA851976:QUA851978 RDW851976:RDW851978 RNS851976:RNS851978 RXO851976:RXO851978 SHK851976:SHK851978 SRG851976:SRG851978 TBC851976:TBC851978 TKY851976:TKY851978 TUU851976:TUU851978 UEQ851976:UEQ851978 UOM851976:UOM851978 UYI851976:UYI851978 VIE851976:VIE851978 VSA851976:VSA851978 WBW851976:WBW851978 WLS851976:WLS851978 WVO851976:WVO851978 G917512:G917514 JC917512:JC917514 SY917512:SY917514 ACU917512:ACU917514 AMQ917512:AMQ917514 AWM917512:AWM917514 BGI917512:BGI917514 BQE917512:BQE917514 CAA917512:CAA917514 CJW917512:CJW917514 CTS917512:CTS917514 DDO917512:DDO917514 DNK917512:DNK917514 DXG917512:DXG917514 EHC917512:EHC917514 EQY917512:EQY917514 FAU917512:FAU917514 FKQ917512:FKQ917514 FUM917512:FUM917514 GEI917512:GEI917514 GOE917512:GOE917514 GYA917512:GYA917514 HHW917512:HHW917514 HRS917512:HRS917514 IBO917512:IBO917514 ILK917512:ILK917514 IVG917512:IVG917514 JFC917512:JFC917514 JOY917512:JOY917514 JYU917512:JYU917514 KIQ917512:KIQ917514 KSM917512:KSM917514 LCI917512:LCI917514 LME917512:LME917514 LWA917512:LWA917514 MFW917512:MFW917514 MPS917512:MPS917514 MZO917512:MZO917514 NJK917512:NJK917514 NTG917512:NTG917514 ODC917512:ODC917514 OMY917512:OMY917514 OWU917512:OWU917514 PGQ917512:PGQ917514 PQM917512:PQM917514 QAI917512:QAI917514 QKE917512:QKE917514 QUA917512:QUA917514 RDW917512:RDW917514 RNS917512:RNS917514 RXO917512:RXO917514 SHK917512:SHK917514 SRG917512:SRG917514 TBC917512:TBC917514 TKY917512:TKY917514 TUU917512:TUU917514 UEQ917512:UEQ917514 UOM917512:UOM917514 UYI917512:UYI917514 VIE917512:VIE917514 VSA917512:VSA917514 WBW917512:WBW917514 WLS917512:WLS917514 WVO917512:WVO917514 G983048:G983050 JC983048:JC983050 SY983048:SY983050 ACU983048:ACU983050 AMQ983048:AMQ983050 AWM983048:AWM983050 BGI983048:BGI983050 BQE983048:BQE983050 CAA983048:CAA983050 CJW983048:CJW983050 CTS983048:CTS983050 DDO983048:DDO983050 DNK983048:DNK983050 DXG983048:DXG983050 EHC983048:EHC983050 EQY983048:EQY983050 FAU983048:FAU983050 FKQ983048:FKQ983050 FUM983048:FUM983050 GEI983048:GEI983050 GOE983048:GOE983050 GYA983048:GYA983050 HHW983048:HHW983050 HRS983048:HRS983050 IBO983048:IBO983050 ILK983048:ILK983050 IVG983048:IVG983050 JFC983048:JFC983050 JOY983048:JOY983050 JYU983048:JYU983050 KIQ983048:KIQ983050 KSM983048:KSM983050 LCI983048:LCI983050 LME983048:LME983050 LWA983048:LWA983050 MFW983048:MFW983050 MPS983048:MPS983050 MZO983048:MZO983050 NJK983048:NJK983050 NTG983048:NTG983050 ODC983048:ODC983050 OMY983048:OMY983050 OWU983048:OWU983050 PGQ983048:PGQ983050 PQM983048:PQM983050 QAI983048:QAI983050 QKE983048:QKE983050 QUA983048:QUA983050 RDW983048:RDW983050 RNS983048:RNS983050 RXO983048:RXO983050 SHK983048:SHK983050 SRG983048:SRG983050 TBC983048:TBC983050 TKY983048:TKY983050 TUU983048:TUU983050 UEQ983048:UEQ983050 UOM983048:UOM983050 UYI983048:UYI983050 VIE983048:VIE983050 VSA983048:VSA983050 WBW983048:WBW983050 WLS983048:WLS983050 WVO983048:WVO983050 L7 JH7 TD7 ACZ7 AMV7 AWR7 BGN7 BQJ7 CAF7 CKB7 CTX7 DDT7 DNP7 DXL7 EHH7 ERD7 FAZ7 FKV7 FUR7 GEN7 GOJ7 GYF7 HIB7 HRX7 IBT7 ILP7 IVL7 JFH7 JPD7 JYZ7 KIV7 KSR7 LCN7 LMJ7 LWF7 MGB7 MPX7 MZT7 NJP7 NTL7 ODH7 OND7 OWZ7 PGV7 PQR7 QAN7 QKJ7 QUF7 REB7 RNX7 RXT7 SHP7 SRL7 TBH7 TLD7 TUZ7 UEV7 UOR7 UYN7 VIJ7 VSF7 WCB7 WLX7 WVT7 L65544 JH65544 TD65544 ACZ65544 AMV65544 AWR65544 BGN65544 BQJ65544 CAF65544 CKB65544 CTX65544 DDT65544 DNP65544 DXL65544 EHH65544 ERD65544 FAZ65544 FKV65544 FUR65544 GEN65544 GOJ65544 GYF65544 HIB65544 HRX65544 IBT65544 ILP65544 IVL65544 JFH65544 JPD65544 JYZ65544 KIV65544 KSR65544 LCN65544 LMJ65544 LWF65544 MGB65544 MPX65544 MZT65544 NJP65544 NTL65544 ODH65544 OND65544 OWZ65544 PGV65544 PQR65544 QAN65544 QKJ65544 QUF65544 REB65544 RNX65544 RXT65544 SHP65544 SRL65544 TBH65544 TLD65544 TUZ65544 UEV65544 UOR65544 UYN65544 VIJ65544 VSF65544 WCB65544 WLX65544 WVT65544 L131080 JH131080 TD131080 ACZ131080 AMV131080 AWR131080 BGN131080 BQJ131080 CAF131080 CKB131080 CTX131080 DDT131080 DNP131080 DXL131080 EHH131080 ERD131080 FAZ131080 FKV131080 FUR131080 GEN131080 GOJ131080 GYF131080 HIB131080 HRX131080 IBT131080 ILP131080 IVL131080 JFH131080 JPD131080 JYZ131080 KIV131080 KSR131080 LCN131080 LMJ131080 LWF131080 MGB131080 MPX131080 MZT131080 NJP131080 NTL131080 ODH131080 OND131080 OWZ131080 PGV131080 PQR131080 QAN131080 QKJ131080 QUF131080 REB131080 RNX131080 RXT131080 SHP131080 SRL131080 TBH131080 TLD131080 TUZ131080 UEV131080 UOR131080 UYN131080 VIJ131080 VSF131080 WCB131080 WLX131080 WVT131080 L196616 JH196616 TD196616 ACZ196616 AMV196616 AWR196616 BGN196616 BQJ196616 CAF196616 CKB196616 CTX196616 DDT196616 DNP196616 DXL196616 EHH196616 ERD196616 FAZ196616 FKV196616 FUR196616 GEN196616 GOJ196616 GYF196616 HIB196616 HRX196616 IBT196616 ILP196616 IVL196616 JFH196616 JPD196616 JYZ196616 KIV196616 KSR196616 LCN196616 LMJ196616 LWF196616 MGB196616 MPX196616 MZT196616 NJP196616 NTL196616 ODH196616 OND196616 OWZ196616 PGV196616 PQR196616 QAN196616 QKJ196616 QUF196616 REB196616 RNX196616 RXT196616 SHP196616 SRL196616 TBH196616 TLD196616 TUZ196616 UEV196616 UOR196616 UYN196616 VIJ196616 VSF196616 WCB196616 WLX196616 WVT196616 L262152 JH262152 TD262152 ACZ262152 AMV262152 AWR262152 BGN262152 BQJ262152 CAF262152 CKB262152 CTX262152 DDT262152 DNP262152 DXL262152 EHH262152 ERD262152 FAZ262152 FKV262152 FUR262152 GEN262152 GOJ262152 GYF262152 HIB262152 HRX262152 IBT262152 ILP262152 IVL262152 JFH262152 JPD262152 JYZ262152 KIV262152 KSR262152 LCN262152 LMJ262152 LWF262152 MGB262152 MPX262152 MZT262152 NJP262152 NTL262152 ODH262152 OND262152 OWZ262152 PGV262152 PQR262152 QAN262152 QKJ262152 QUF262152 REB262152 RNX262152 RXT262152 SHP262152 SRL262152 TBH262152 TLD262152 TUZ262152 UEV262152 UOR262152 UYN262152 VIJ262152 VSF262152 WCB262152 WLX262152 WVT262152 L327688 JH327688 TD327688 ACZ327688 AMV327688 AWR327688 BGN327688 BQJ327688 CAF327688 CKB327688 CTX327688 DDT327688 DNP327688 DXL327688 EHH327688 ERD327688 FAZ327688 FKV327688 FUR327688 GEN327688 GOJ327688 GYF327688 HIB327688 HRX327688 IBT327688 ILP327688 IVL327688 JFH327688 JPD327688 JYZ327688 KIV327688 KSR327688 LCN327688 LMJ327688 LWF327688 MGB327688 MPX327688 MZT327688 NJP327688 NTL327688 ODH327688 OND327688 OWZ327688 PGV327688 PQR327688 QAN327688 QKJ327688 QUF327688 REB327688 RNX327688 RXT327688 SHP327688 SRL327688 TBH327688 TLD327688 TUZ327688 UEV327688 UOR327688 UYN327688 VIJ327688 VSF327688 WCB327688 WLX327688 WVT327688 L393224 JH393224 TD393224 ACZ393224 AMV393224 AWR393224 BGN393224 BQJ393224 CAF393224 CKB393224 CTX393224 DDT393224 DNP393224 DXL393224 EHH393224 ERD393224 FAZ393224 FKV393224 FUR393224 GEN393224 GOJ393224 GYF393224 HIB393224 HRX393224 IBT393224 ILP393224 IVL393224 JFH393224 JPD393224 JYZ393224 KIV393224 KSR393224 LCN393224 LMJ393224 LWF393224 MGB393224 MPX393224 MZT393224 NJP393224 NTL393224 ODH393224 OND393224 OWZ393224 PGV393224 PQR393224 QAN393224 QKJ393224 QUF393224 REB393224 RNX393224 RXT393224 SHP393224 SRL393224 TBH393224 TLD393224 TUZ393224 UEV393224 UOR393224 UYN393224 VIJ393224 VSF393224 WCB393224 WLX393224 WVT393224 L458760 JH458760 TD458760 ACZ458760 AMV458760 AWR458760 BGN458760 BQJ458760 CAF458760 CKB458760 CTX458760 DDT458760 DNP458760 DXL458760 EHH458760 ERD458760 FAZ458760 FKV458760 FUR458760 GEN458760 GOJ458760 GYF458760 HIB458760 HRX458760 IBT458760 ILP458760 IVL458760 JFH458760 JPD458760 JYZ458760 KIV458760 KSR458760 LCN458760 LMJ458760 LWF458760 MGB458760 MPX458760 MZT458760 NJP458760 NTL458760 ODH458760 OND458760 OWZ458760 PGV458760 PQR458760 QAN458760 QKJ458760 QUF458760 REB458760 RNX458760 RXT458760 SHP458760 SRL458760 TBH458760 TLD458760 TUZ458760 UEV458760 UOR458760 UYN458760 VIJ458760 VSF458760 WCB458760 WLX458760 WVT458760 L524296 JH524296 TD524296 ACZ524296 AMV524296 AWR524296 BGN524296 BQJ524296 CAF524296 CKB524296 CTX524296 DDT524296 DNP524296 DXL524296 EHH524296 ERD524296 FAZ524296 FKV524296 FUR524296 GEN524296 GOJ524296 GYF524296 HIB524296 HRX524296 IBT524296 ILP524296 IVL524296 JFH524296 JPD524296 JYZ524296 KIV524296 KSR524296 LCN524296 LMJ524296 LWF524296 MGB524296 MPX524296 MZT524296 NJP524296 NTL524296 ODH524296 OND524296 OWZ524296 PGV524296 PQR524296 QAN524296 QKJ524296 QUF524296 REB524296 RNX524296 RXT524296 SHP524296 SRL524296 TBH524296 TLD524296 TUZ524296 UEV524296 UOR524296 UYN524296 VIJ524296 VSF524296 WCB524296 WLX524296 WVT524296 L589832 JH589832 TD589832 ACZ589832 AMV589832 AWR589832 BGN589832 BQJ589832 CAF589832 CKB589832 CTX589832 DDT589832 DNP589832 DXL589832 EHH589832 ERD589832 FAZ589832 FKV589832 FUR589832 GEN589832 GOJ589832 GYF589832 HIB589832 HRX589832 IBT589832 ILP589832 IVL589832 JFH589832 JPD589832 JYZ589832 KIV589832 KSR589832 LCN589832 LMJ589832 LWF589832 MGB589832 MPX589832 MZT589832 NJP589832 NTL589832 ODH589832 OND589832 OWZ589832 PGV589832 PQR589832 QAN589832 QKJ589832 QUF589832 REB589832 RNX589832 RXT589832 SHP589832 SRL589832 TBH589832 TLD589832 TUZ589832 UEV589832 UOR589832 UYN589832 VIJ589832 VSF589832 WCB589832 WLX589832 WVT589832 L655368 JH655368 TD655368 ACZ655368 AMV655368 AWR655368 BGN655368 BQJ655368 CAF655368 CKB655368 CTX655368 DDT655368 DNP655368 DXL655368 EHH655368 ERD655368 FAZ655368 FKV655368 FUR655368 GEN655368 GOJ655368 GYF655368 HIB655368 HRX655368 IBT655368 ILP655368 IVL655368 JFH655368 JPD655368 JYZ655368 KIV655368 KSR655368 LCN655368 LMJ655368 LWF655368 MGB655368 MPX655368 MZT655368 NJP655368 NTL655368 ODH655368 OND655368 OWZ655368 PGV655368 PQR655368 QAN655368 QKJ655368 QUF655368 REB655368 RNX655368 RXT655368 SHP655368 SRL655368 TBH655368 TLD655368 TUZ655368 UEV655368 UOR655368 UYN655368 VIJ655368 VSF655368 WCB655368 WLX655368 WVT655368 L720904 JH720904 TD720904 ACZ720904 AMV720904 AWR720904 BGN720904 BQJ720904 CAF720904 CKB720904 CTX720904 DDT720904 DNP720904 DXL720904 EHH720904 ERD720904 FAZ720904 FKV720904 FUR720904 GEN720904 GOJ720904 GYF720904 HIB720904 HRX720904 IBT720904 ILP720904 IVL720904 JFH720904 JPD720904 JYZ720904 KIV720904 KSR720904 LCN720904 LMJ720904 LWF720904 MGB720904 MPX720904 MZT720904 NJP720904 NTL720904 ODH720904 OND720904 OWZ720904 PGV720904 PQR720904 QAN720904 QKJ720904 QUF720904 REB720904 RNX720904 RXT720904 SHP720904 SRL720904 TBH720904 TLD720904 TUZ720904 UEV720904 UOR720904 UYN720904 VIJ720904 VSF720904 WCB720904 WLX720904 WVT720904 L786440 JH786440 TD786440 ACZ786440 AMV786440 AWR786440 BGN786440 BQJ786440 CAF786440 CKB786440 CTX786440 DDT786440 DNP786440 DXL786440 EHH786440 ERD786440 FAZ786440 FKV786440 FUR786440 GEN786440 GOJ786440 GYF786440 HIB786440 HRX786440 IBT786440 ILP786440 IVL786440 JFH786440 JPD786440 JYZ786440 KIV786440 KSR786440 LCN786440 LMJ786440 LWF786440 MGB786440 MPX786440 MZT786440 NJP786440 NTL786440 ODH786440 OND786440 OWZ786440 PGV786440 PQR786440 QAN786440 QKJ786440 QUF786440 REB786440 RNX786440 RXT786440 SHP786440 SRL786440 TBH786440 TLD786440 TUZ786440 UEV786440 UOR786440 UYN786440 VIJ786440 VSF786440 WCB786440 WLX786440 WVT786440 L851976 JH851976 TD851976 ACZ851976 AMV851976 AWR851976 BGN851976 BQJ851976 CAF851976 CKB851976 CTX851976 DDT851976 DNP851976 DXL851976 EHH851976 ERD851976 FAZ851976 FKV851976 FUR851976 GEN851976 GOJ851976 GYF851976 HIB851976 HRX851976 IBT851976 ILP851976 IVL851976 JFH851976 JPD851976 JYZ851976 KIV851976 KSR851976 LCN851976 LMJ851976 LWF851976 MGB851976 MPX851976 MZT851976 NJP851976 NTL851976 ODH851976 OND851976 OWZ851976 PGV851976 PQR851976 QAN851976 QKJ851976 QUF851976 REB851976 RNX851976 RXT851976 SHP851976 SRL851976 TBH851976 TLD851976 TUZ851976 UEV851976 UOR851976 UYN851976 VIJ851976 VSF851976 WCB851976 WLX851976 WVT851976 L917512 JH917512 TD917512 ACZ917512 AMV917512 AWR917512 BGN917512 BQJ917512 CAF917512 CKB917512 CTX917512 DDT917512 DNP917512 DXL917512 EHH917512 ERD917512 FAZ917512 FKV917512 FUR917512 GEN917512 GOJ917512 GYF917512 HIB917512 HRX917512 IBT917512 ILP917512 IVL917512 JFH917512 JPD917512 JYZ917512 KIV917512 KSR917512 LCN917512 LMJ917512 LWF917512 MGB917512 MPX917512 MZT917512 NJP917512 NTL917512 ODH917512 OND917512 OWZ917512 PGV917512 PQR917512 QAN917512 QKJ917512 QUF917512 REB917512 RNX917512 RXT917512 SHP917512 SRL917512 TBH917512 TLD917512 TUZ917512 UEV917512 UOR917512 UYN917512 VIJ917512 VSF917512 WCB917512 WLX917512 WVT917512 L983048 JH983048 TD983048 ACZ983048 AMV983048 AWR983048 BGN983048 BQJ983048 CAF983048 CKB983048 CTX983048 DDT983048 DNP983048 DXL983048 EHH983048 ERD983048 FAZ983048 FKV983048 FUR983048 GEN983048 GOJ983048 GYF983048 HIB983048 HRX983048 IBT983048 ILP983048 IVL983048 JFH983048 JPD983048 JYZ983048 KIV983048 KSR983048 LCN983048 LMJ983048 LWF983048 MGB983048 MPX983048 MZT983048 NJP983048 NTL983048 ODH983048 OND983048 OWZ983048 PGV983048 PQR983048 QAN983048 QKJ983048 QUF983048 REB983048 RNX983048 RXT983048 SHP983048 SRL983048 TBH983048 TLD983048 TUZ983048 UEV983048 UOR983048 UYN983048 VIJ983048 VSF983048 WCB983048 WLX983048 WVT983048 Q7:Q9 JM7:JM9 TI7:TI9 ADE7:ADE9 ANA7:ANA9 AWW7:AWW9 BGS7:BGS9 BQO7:BQO9 CAK7:CAK9 CKG7:CKG9 CUC7:CUC9 DDY7:DDY9 DNU7:DNU9 DXQ7:DXQ9 EHM7:EHM9 ERI7:ERI9 FBE7:FBE9 FLA7:FLA9 FUW7:FUW9 GES7:GES9 GOO7:GOO9 GYK7:GYK9 HIG7:HIG9 HSC7:HSC9 IBY7:IBY9 ILU7:ILU9 IVQ7:IVQ9 JFM7:JFM9 JPI7:JPI9 JZE7:JZE9 KJA7:KJA9 KSW7:KSW9 LCS7:LCS9 LMO7:LMO9 LWK7:LWK9 MGG7:MGG9 MQC7:MQC9 MZY7:MZY9 NJU7:NJU9 NTQ7:NTQ9 ODM7:ODM9 ONI7:ONI9 OXE7:OXE9 PHA7:PHA9 PQW7:PQW9 QAS7:QAS9 QKO7:QKO9 QUK7:QUK9 REG7:REG9 ROC7:ROC9 RXY7:RXY9 SHU7:SHU9 SRQ7:SRQ9 TBM7:TBM9 TLI7:TLI9 TVE7:TVE9 UFA7:UFA9 UOW7:UOW9 UYS7:UYS9 VIO7:VIO9 VSK7:VSK9 WCG7:WCG9 WMC7:WMC9 WVY7:WVY9 Q65544:Q65546 JM65544:JM65546 TI65544:TI65546 ADE65544:ADE65546 ANA65544:ANA65546 AWW65544:AWW65546 BGS65544:BGS65546 BQO65544:BQO65546 CAK65544:CAK65546 CKG65544:CKG65546 CUC65544:CUC65546 DDY65544:DDY65546 DNU65544:DNU65546 DXQ65544:DXQ65546 EHM65544:EHM65546 ERI65544:ERI65546 FBE65544:FBE65546 FLA65544:FLA65546 FUW65544:FUW65546 GES65544:GES65546 GOO65544:GOO65546 GYK65544:GYK65546 HIG65544:HIG65546 HSC65544:HSC65546 IBY65544:IBY65546 ILU65544:ILU65546 IVQ65544:IVQ65546 JFM65544:JFM65546 JPI65544:JPI65546 JZE65544:JZE65546 KJA65544:KJA65546 KSW65544:KSW65546 LCS65544:LCS65546 LMO65544:LMO65546 LWK65544:LWK65546 MGG65544:MGG65546 MQC65544:MQC65546 MZY65544:MZY65546 NJU65544:NJU65546 NTQ65544:NTQ65546 ODM65544:ODM65546 ONI65544:ONI65546 OXE65544:OXE65546 PHA65544:PHA65546 PQW65544:PQW65546 QAS65544:QAS65546 QKO65544:QKO65546 QUK65544:QUK65546 REG65544:REG65546 ROC65544:ROC65546 RXY65544:RXY65546 SHU65544:SHU65546 SRQ65544:SRQ65546 TBM65544:TBM65546 TLI65544:TLI65546 TVE65544:TVE65546 UFA65544:UFA65546 UOW65544:UOW65546 UYS65544:UYS65546 VIO65544:VIO65546 VSK65544:VSK65546 WCG65544:WCG65546 WMC65544:WMC65546 WVY65544:WVY65546 Q131080:Q131082 JM131080:JM131082 TI131080:TI131082 ADE131080:ADE131082 ANA131080:ANA131082 AWW131080:AWW131082 BGS131080:BGS131082 BQO131080:BQO131082 CAK131080:CAK131082 CKG131080:CKG131082 CUC131080:CUC131082 DDY131080:DDY131082 DNU131080:DNU131082 DXQ131080:DXQ131082 EHM131080:EHM131082 ERI131080:ERI131082 FBE131080:FBE131082 FLA131080:FLA131082 FUW131080:FUW131082 GES131080:GES131082 GOO131080:GOO131082 GYK131080:GYK131082 HIG131080:HIG131082 HSC131080:HSC131082 IBY131080:IBY131082 ILU131080:ILU131082 IVQ131080:IVQ131082 JFM131080:JFM131082 JPI131080:JPI131082 JZE131080:JZE131082 KJA131080:KJA131082 KSW131080:KSW131082 LCS131080:LCS131082 LMO131080:LMO131082 LWK131080:LWK131082 MGG131080:MGG131082 MQC131080:MQC131082 MZY131080:MZY131082 NJU131080:NJU131082 NTQ131080:NTQ131082 ODM131080:ODM131082 ONI131080:ONI131082 OXE131080:OXE131082 PHA131080:PHA131082 PQW131080:PQW131082 QAS131080:QAS131082 QKO131080:QKO131082 QUK131080:QUK131082 REG131080:REG131082 ROC131080:ROC131082 RXY131080:RXY131082 SHU131080:SHU131082 SRQ131080:SRQ131082 TBM131080:TBM131082 TLI131080:TLI131082 TVE131080:TVE131082 UFA131080:UFA131082 UOW131080:UOW131082 UYS131080:UYS131082 VIO131080:VIO131082 VSK131080:VSK131082 WCG131080:WCG131082 WMC131080:WMC131082 WVY131080:WVY131082 Q196616:Q196618 JM196616:JM196618 TI196616:TI196618 ADE196616:ADE196618 ANA196616:ANA196618 AWW196616:AWW196618 BGS196616:BGS196618 BQO196616:BQO196618 CAK196616:CAK196618 CKG196616:CKG196618 CUC196616:CUC196618 DDY196616:DDY196618 DNU196616:DNU196618 DXQ196616:DXQ196618 EHM196616:EHM196618 ERI196616:ERI196618 FBE196616:FBE196618 FLA196616:FLA196618 FUW196616:FUW196618 GES196616:GES196618 GOO196616:GOO196618 GYK196616:GYK196618 HIG196616:HIG196618 HSC196616:HSC196618 IBY196616:IBY196618 ILU196616:ILU196618 IVQ196616:IVQ196618 JFM196616:JFM196618 JPI196616:JPI196618 JZE196616:JZE196618 KJA196616:KJA196618 KSW196616:KSW196618 LCS196616:LCS196618 LMO196616:LMO196618 LWK196616:LWK196618 MGG196616:MGG196618 MQC196616:MQC196618 MZY196616:MZY196618 NJU196616:NJU196618 NTQ196616:NTQ196618 ODM196616:ODM196618 ONI196616:ONI196618 OXE196616:OXE196618 PHA196616:PHA196618 PQW196616:PQW196618 QAS196616:QAS196618 QKO196616:QKO196618 QUK196616:QUK196618 REG196616:REG196618 ROC196616:ROC196618 RXY196616:RXY196618 SHU196616:SHU196618 SRQ196616:SRQ196618 TBM196616:TBM196618 TLI196616:TLI196618 TVE196616:TVE196618 UFA196616:UFA196618 UOW196616:UOW196618 UYS196616:UYS196618 VIO196616:VIO196618 VSK196616:VSK196618 WCG196616:WCG196618 WMC196616:WMC196618 WVY196616:WVY196618 Q262152:Q262154 JM262152:JM262154 TI262152:TI262154 ADE262152:ADE262154 ANA262152:ANA262154 AWW262152:AWW262154 BGS262152:BGS262154 BQO262152:BQO262154 CAK262152:CAK262154 CKG262152:CKG262154 CUC262152:CUC262154 DDY262152:DDY262154 DNU262152:DNU262154 DXQ262152:DXQ262154 EHM262152:EHM262154 ERI262152:ERI262154 FBE262152:FBE262154 FLA262152:FLA262154 FUW262152:FUW262154 GES262152:GES262154 GOO262152:GOO262154 GYK262152:GYK262154 HIG262152:HIG262154 HSC262152:HSC262154 IBY262152:IBY262154 ILU262152:ILU262154 IVQ262152:IVQ262154 JFM262152:JFM262154 JPI262152:JPI262154 JZE262152:JZE262154 KJA262152:KJA262154 KSW262152:KSW262154 LCS262152:LCS262154 LMO262152:LMO262154 LWK262152:LWK262154 MGG262152:MGG262154 MQC262152:MQC262154 MZY262152:MZY262154 NJU262152:NJU262154 NTQ262152:NTQ262154 ODM262152:ODM262154 ONI262152:ONI262154 OXE262152:OXE262154 PHA262152:PHA262154 PQW262152:PQW262154 QAS262152:QAS262154 QKO262152:QKO262154 QUK262152:QUK262154 REG262152:REG262154 ROC262152:ROC262154 RXY262152:RXY262154 SHU262152:SHU262154 SRQ262152:SRQ262154 TBM262152:TBM262154 TLI262152:TLI262154 TVE262152:TVE262154 UFA262152:UFA262154 UOW262152:UOW262154 UYS262152:UYS262154 VIO262152:VIO262154 VSK262152:VSK262154 WCG262152:WCG262154 WMC262152:WMC262154 WVY262152:WVY262154 Q327688:Q327690 JM327688:JM327690 TI327688:TI327690 ADE327688:ADE327690 ANA327688:ANA327690 AWW327688:AWW327690 BGS327688:BGS327690 BQO327688:BQO327690 CAK327688:CAK327690 CKG327688:CKG327690 CUC327688:CUC327690 DDY327688:DDY327690 DNU327688:DNU327690 DXQ327688:DXQ327690 EHM327688:EHM327690 ERI327688:ERI327690 FBE327688:FBE327690 FLA327688:FLA327690 FUW327688:FUW327690 GES327688:GES327690 GOO327688:GOO327690 GYK327688:GYK327690 HIG327688:HIG327690 HSC327688:HSC327690 IBY327688:IBY327690 ILU327688:ILU327690 IVQ327688:IVQ327690 JFM327688:JFM327690 JPI327688:JPI327690 JZE327688:JZE327690 KJA327688:KJA327690 KSW327688:KSW327690 LCS327688:LCS327690 LMO327688:LMO327690 LWK327688:LWK327690 MGG327688:MGG327690 MQC327688:MQC327690 MZY327688:MZY327690 NJU327688:NJU327690 NTQ327688:NTQ327690 ODM327688:ODM327690 ONI327688:ONI327690 OXE327688:OXE327690 PHA327688:PHA327690 PQW327688:PQW327690 QAS327688:QAS327690 QKO327688:QKO327690 QUK327688:QUK327690 REG327688:REG327690 ROC327688:ROC327690 RXY327688:RXY327690 SHU327688:SHU327690 SRQ327688:SRQ327690 TBM327688:TBM327690 TLI327688:TLI327690 TVE327688:TVE327690 UFA327688:UFA327690 UOW327688:UOW327690 UYS327688:UYS327690 VIO327688:VIO327690 VSK327688:VSK327690 WCG327688:WCG327690 WMC327688:WMC327690 WVY327688:WVY327690 Q393224:Q393226 JM393224:JM393226 TI393224:TI393226 ADE393224:ADE393226 ANA393224:ANA393226 AWW393224:AWW393226 BGS393224:BGS393226 BQO393224:BQO393226 CAK393224:CAK393226 CKG393224:CKG393226 CUC393224:CUC393226 DDY393224:DDY393226 DNU393224:DNU393226 DXQ393224:DXQ393226 EHM393224:EHM393226 ERI393224:ERI393226 FBE393224:FBE393226 FLA393224:FLA393226 FUW393224:FUW393226 GES393224:GES393226 GOO393224:GOO393226 GYK393224:GYK393226 HIG393224:HIG393226 HSC393224:HSC393226 IBY393224:IBY393226 ILU393224:ILU393226 IVQ393224:IVQ393226 JFM393224:JFM393226 JPI393224:JPI393226 JZE393224:JZE393226 KJA393224:KJA393226 KSW393224:KSW393226 LCS393224:LCS393226 LMO393224:LMO393226 LWK393224:LWK393226 MGG393224:MGG393226 MQC393224:MQC393226 MZY393224:MZY393226 NJU393224:NJU393226 NTQ393224:NTQ393226 ODM393224:ODM393226 ONI393224:ONI393226 OXE393224:OXE393226 PHA393224:PHA393226 PQW393224:PQW393226 QAS393224:QAS393226 QKO393224:QKO393226 QUK393224:QUK393226 REG393224:REG393226 ROC393224:ROC393226 RXY393224:RXY393226 SHU393224:SHU393226 SRQ393224:SRQ393226 TBM393224:TBM393226 TLI393224:TLI393226 TVE393224:TVE393226 UFA393224:UFA393226 UOW393224:UOW393226 UYS393224:UYS393226 VIO393224:VIO393226 VSK393224:VSK393226 WCG393224:WCG393226 WMC393224:WMC393226 WVY393224:WVY393226 Q458760:Q458762 JM458760:JM458762 TI458760:TI458762 ADE458760:ADE458762 ANA458760:ANA458762 AWW458760:AWW458762 BGS458760:BGS458762 BQO458760:BQO458762 CAK458760:CAK458762 CKG458760:CKG458762 CUC458760:CUC458762 DDY458760:DDY458762 DNU458760:DNU458762 DXQ458760:DXQ458762 EHM458760:EHM458762 ERI458760:ERI458762 FBE458760:FBE458762 FLA458760:FLA458762 FUW458760:FUW458762 GES458760:GES458762 GOO458760:GOO458762 GYK458760:GYK458762 HIG458760:HIG458762 HSC458760:HSC458762 IBY458760:IBY458762 ILU458760:ILU458762 IVQ458760:IVQ458762 JFM458760:JFM458762 JPI458760:JPI458762 JZE458760:JZE458762 KJA458760:KJA458762 KSW458760:KSW458762 LCS458760:LCS458762 LMO458760:LMO458762 LWK458760:LWK458762 MGG458760:MGG458762 MQC458760:MQC458762 MZY458760:MZY458762 NJU458760:NJU458762 NTQ458760:NTQ458762 ODM458760:ODM458762 ONI458760:ONI458762 OXE458760:OXE458762 PHA458760:PHA458762 PQW458760:PQW458762 QAS458760:QAS458762 QKO458760:QKO458762 QUK458760:QUK458762 REG458760:REG458762 ROC458760:ROC458762 RXY458760:RXY458762 SHU458760:SHU458762 SRQ458760:SRQ458762 TBM458760:TBM458762 TLI458760:TLI458762 TVE458760:TVE458762 UFA458760:UFA458762 UOW458760:UOW458762 UYS458760:UYS458762 VIO458760:VIO458762 VSK458760:VSK458762 WCG458760:WCG458762 WMC458760:WMC458762 WVY458760:WVY458762 Q524296:Q524298 JM524296:JM524298 TI524296:TI524298 ADE524296:ADE524298 ANA524296:ANA524298 AWW524296:AWW524298 BGS524296:BGS524298 BQO524296:BQO524298 CAK524296:CAK524298 CKG524296:CKG524298 CUC524296:CUC524298 DDY524296:DDY524298 DNU524296:DNU524298 DXQ524296:DXQ524298 EHM524296:EHM524298 ERI524296:ERI524298 FBE524296:FBE524298 FLA524296:FLA524298 FUW524296:FUW524298 GES524296:GES524298 GOO524296:GOO524298 GYK524296:GYK524298 HIG524296:HIG524298 HSC524296:HSC524298 IBY524296:IBY524298 ILU524296:ILU524298 IVQ524296:IVQ524298 JFM524296:JFM524298 JPI524296:JPI524298 JZE524296:JZE524298 KJA524296:KJA524298 KSW524296:KSW524298 LCS524296:LCS524298 LMO524296:LMO524298 LWK524296:LWK524298 MGG524296:MGG524298 MQC524296:MQC524298 MZY524296:MZY524298 NJU524296:NJU524298 NTQ524296:NTQ524298 ODM524296:ODM524298 ONI524296:ONI524298 OXE524296:OXE524298 PHA524296:PHA524298 PQW524296:PQW524298 QAS524296:QAS524298 QKO524296:QKO524298 QUK524296:QUK524298 REG524296:REG524298 ROC524296:ROC524298 RXY524296:RXY524298 SHU524296:SHU524298 SRQ524296:SRQ524298 TBM524296:TBM524298 TLI524296:TLI524298 TVE524296:TVE524298 UFA524296:UFA524298 UOW524296:UOW524298 UYS524296:UYS524298 VIO524296:VIO524298 VSK524296:VSK524298 WCG524296:WCG524298 WMC524296:WMC524298 WVY524296:WVY524298 Q589832:Q589834 JM589832:JM589834 TI589832:TI589834 ADE589832:ADE589834 ANA589832:ANA589834 AWW589832:AWW589834 BGS589832:BGS589834 BQO589832:BQO589834 CAK589832:CAK589834 CKG589832:CKG589834 CUC589832:CUC589834 DDY589832:DDY589834 DNU589832:DNU589834 DXQ589832:DXQ589834 EHM589832:EHM589834 ERI589832:ERI589834 FBE589832:FBE589834 FLA589832:FLA589834 FUW589832:FUW589834 GES589832:GES589834 GOO589832:GOO589834 GYK589832:GYK589834 HIG589832:HIG589834 HSC589832:HSC589834 IBY589832:IBY589834 ILU589832:ILU589834 IVQ589832:IVQ589834 JFM589832:JFM589834 JPI589832:JPI589834 JZE589832:JZE589834 KJA589832:KJA589834 KSW589832:KSW589834 LCS589832:LCS589834 LMO589832:LMO589834 LWK589832:LWK589834 MGG589832:MGG589834 MQC589832:MQC589834 MZY589832:MZY589834 NJU589832:NJU589834 NTQ589832:NTQ589834 ODM589832:ODM589834 ONI589832:ONI589834 OXE589832:OXE589834 PHA589832:PHA589834 PQW589832:PQW589834 QAS589832:QAS589834 QKO589832:QKO589834 QUK589832:QUK589834 REG589832:REG589834 ROC589832:ROC589834 RXY589832:RXY589834 SHU589832:SHU589834 SRQ589832:SRQ589834 TBM589832:TBM589834 TLI589832:TLI589834 TVE589832:TVE589834 UFA589832:UFA589834 UOW589832:UOW589834 UYS589832:UYS589834 VIO589832:VIO589834 VSK589832:VSK589834 WCG589832:WCG589834 WMC589832:WMC589834 WVY589832:WVY589834 Q655368:Q655370 JM655368:JM655370 TI655368:TI655370 ADE655368:ADE655370 ANA655368:ANA655370 AWW655368:AWW655370 BGS655368:BGS655370 BQO655368:BQO655370 CAK655368:CAK655370 CKG655368:CKG655370 CUC655368:CUC655370 DDY655368:DDY655370 DNU655368:DNU655370 DXQ655368:DXQ655370 EHM655368:EHM655370 ERI655368:ERI655370 FBE655368:FBE655370 FLA655368:FLA655370 FUW655368:FUW655370 GES655368:GES655370 GOO655368:GOO655370 GYK655368:GYK655370 HIG655368:HIG655370 HSC655368:HSC655370 IBY655368:IBY655370 ILU655368:ILU655370 IVQ655368:IVQ655370 JFM655368:JFM655370 JPI655368:JPI655370 JZE655368:JZE655370 KJA655368:KJA655370 KSW655368:KSW655370 LCS655368:LCS655370 LMO655368:LMO655370 LWK655368:LWK655370 MGG655368:MGG655370 MQC655368:MQC655370 MZY655368:MZY655370 NJU655368:NJU655370 NTQ655368:NTQ655370 ODM655368:ODM655370 ONI655368:ONI655370 OXE655368:OXE655370 PHA655368:PHA655370 PQW655368:PQW655370 QAS655368:QAS655370 QKO655368:QKO655370 QUK655368:QUK655370 REG655368:REG655370 ROC655368:ROC655370 RXY655368:RXY655370 SHU655368:SHU655370 SRQ655368:SRQ655370 TBM655368:TBM655370 TLI655368:TLI655370 TVE655368:TVE655370 UFA655368:UFA655370 UOW655368:UOW655370 UYS655368:UYS655370 VIO655368:VIO655370 VSK655368:VSK655370 WCG655368:WCG655370 WMC655368:WMC655370 WVY655368:WVY655370 Q720904:Q720906 JM720904:JM720906 TI720904:TI720906 ADE720904:ADE720906 ANA720904:ANA720906 AWW720904:AWW720906 BGS720904:BGS720906 BQO720904:BQO720906 CAK720904:CAK720906 CKG720904:CKG720906 CUC720904:CUC720906 DDY720904:DDY720906 DNU720904:DNU720906 DXQ720904:DXQ720906 EHM720904:EHM720906 ERI720904:ERI720906 FBE720904:FBE720906 FLA720904:FLA720906 FUW720904:FUW720906 GES720904:GES720906 GOO720904:GOO720906 GYK720904:GYK720906 HIG720904:HIG720906 HSC720904:HSC720906 IBY720904:IBY720906 ILU720904:ILU720906 IVQ720904:IVQ720906 JFM720904:JFM720906 JPI720904:JPI720906 JZE720904:JZE720906 KJA720904:KJA720906 KSW720904:KSW720906 LCS720904:LCS720906 LMO720904:LMO720906 LWK720904:LWK720906 MGG720904:MGG720906 MQC720904:MQC720906 MZY720904:MZY720906 NJU720904:NJU720906 NTQ720904:NTQ720906 ODM720904:ODM720906 ONI720904:ONI720906 OXE720904:OXE720906 PHA720904:PHA720906 PQW720904:PQW720906 QAS720904:QAS720906 QKO720904:QKO720906 QUK720904:QUK720906 REG720904:REG720906 ROC720904:ROC720906 RXY720904:RXY720906 SHU720904:SHU720906 SRQ720904:SRQ720906 TBM720904:TBM720906 TLI720904:TLI720906 TVE720904:TVE720906 UFA720904:UFA720906 UOW720904:UOW720906 UYS720904:UYS720906 VIO720904:VIO720906 VSK720904:VSK720906 WCG720904:WCG720906 WMC720904:WMC720906 WVY720904:WVY720906 Q786440:Q786442 JM786440:JM786442 TI786440:TI786442 ADE786440:ADE786442 ANA786440:ANA786442 AWW786440:AWW786442 BGS786440:BGS786442 BQO786440:BQO786442 CAK786440:CAK786442 CKG786440:CKG786442 CUC786440:CUC786442 DDY786440:DDY786442 DNU786440:DNU786442 DXQ786440:DXQ786442 EHM786440:EHM786442 ERI786440:ERI786442 FBE786440:FBE786442 FLA786440:FLA786442 FUW786440:FUW786442 GES786440:GES786442 GOO786440:GOO786442 GYK786440:GYK786442 HIG786440:HIG786442 HSC786440:HSC786442 IBY786440:IBY786442 ILU786440:ILU786442 IVQ786440:IVQ786442 JFM786440:JFM786442 JPI786440:JPI786442 JZE786440:JZE786442 KJA786440:KJA786442 KSW786440:KSW786442 LCS786440:LCS786442 LMO786440:LMO786442 LWK786440:LWK786442 MGG786440:MGG786442 MQC786440:MQC786442 MZY786440:MZY786442 NJU786440:NJU786442 NTQ786440:NTQ786442 ODM786440:ODM786442 ONI786440:ONI786442 OXE786440:OXE786442 PHA786440:PHA786442 PQW786440:PQW786442 QAS786440:QAS786442 QKO786440:QKO786442 QUK786440:QUK786442 REG786440:REG786442 ROC786440:ROC786442 RXY786440:RXY786442 SHU786440:SHU786442 SRQ786440:SRQ786442 TBM786440:TBM786442 TLI786440:TLI786442 TVE786440:TVE786442 UFA786440:UFA786442 UOW786440:UOW786442 UYS786440:UYS786442 VIO786440:VIO786442 VSK786440:VSK786442 WCG786440:WCG786442 WMC786440:WMC786442 WVY786440:WVY786442 Q851976:Q851978 JM851976:JM851978 TI851976:TI851978 ADE851976:ADE851978 ANA851976:ANA851978 AWW851976:AWW851978 BGS851976:BGS851978 BQO851976:BQO851978 CAK851976:CAK851978 CKG851976:CKG851978 CUC851976:CUC851978 DDY851976:DDY851978 DNU851976:DNU851978 DXQ851976:DXQ851978 EHM851976:EHM851978 ERI851976:ERI851978 FBE851976:FBE851978 FLA851976:FLA851978 FUW851976:FUW851978 GES851976:GES851978 GOO851976:GOO851978 GYK851976:GYK851978 HIG851976:HIG851978 HSC851976:HSC851978 IBY851976:IBY851978 ILU851976:ILU851978 IVQ851976:IVQ851978 JFM851976:JFM851978 JPI851976:JPI851978 JZE851976:JZE851978 KJA851976:KJA851978 KSW851976:KSW851978 LCS851976:LCS851978 LMO851976:LMO851978 LWK851976:LWK851978 MGG851976:MGG851978 MQC851976:MQC851978 MZY851976:MZY851978 NJU851976:NJU851978 NTQ851976:NTQ851978 ODM851976:ODM851978 ONI851976:ONI851978 OXE851976:OXE851978 PHA851976:PHA851978 PQW851976:PQW851978 QAS851976:QAS851978 QKO851976:QKO851978 QUK851976:QUK851978 REG851976:REG851978 ROC851976:ROC851978 RXY851976:RXY851978 SHU851976:SHU851978 SRQ851976:SRQ851978 TBM851976:TBM851978 TLI851976:TLI851978 TVE851976:TVE851978 UFA851976:UFA851978 UOW851976:UOW851978 UYS851976:UYS851978 VIO851976:VIO851978 VSK851976:VSK851978 WCG851976:WCG851978 WMC851976:WMC851978 WVY851976:WVY851978 Q917512:Q917514 JM917512:JM917514 TI917512:TI917514 ADE917512:ADE917514 ANA917512:ANA917514 AWW917512:AWW917514 BGS917512:BGS917514 BQO917512:BQO917514 CAK917512:CAK917514 CKG917512:CKG917514 CUC917512:CUC917514 DDY917512:DDY917514 DNU917512:DNU917514 DXQ917512:DXQ917514 EHM917512:EHM917514 ERI917512:ERI917514 FBE917512:FBE917514 FLA917512:FLA917514 FUW917512:FUW917514 GES917512:GES917514 GOO917512:GOO917514 GYK917512:GYK917514 HIG917512:HIG917514 HSC917512:HSC917514 IBY917512:IBY917514 ILU917512:ILU917514 IVQ917512:IVQ917514 JFM917512:JFM917514 JPI917512:JPI917514 JZE917512:JZE917514 KJA917512:KJA917514 KSW917512:KSW917514 LCS917512:LCS917514 LMO917512:LMO917514 LWK917512:LWK917514 MGG917512:MGG917514 MQC917512:MQC917514 MZY917512:MZY917514 NJU917512:NJU917514 NTQ917512:NTQ917514 ODM917512:ODM917514 ONI917512:ONI917514 OXE917512:OXE917514 PHA917512:PHA917514 PQW917512:PQW917514 QAS917512:QAS917514 QKO917512:QKO917514 QUK917512:QUK917514 REG917512:REG917514 ROC917512:ROC917514 RXY917512:RXY917514 SHU917512:SHU917514 SRQ917512:SRQ917514 TBM917512:TBM917514 TLI917512:TLI917514 TVE917512:TVE917514 UFA917512:UFA917514 UOW917512:UOW917514 UYS917512:UYS917514 VIO917512:VIO917514 VSK917512:VSK917514 WCG917512:WCG917514 WMC917512:WMC917514 WVY917512:WVY917514 Q983048:Q983050 JM983048:JM983050 TI983048:TI983050 ADE983048:ADE983050 ANA983048:ANA983050 AWW983048:AWW983050 BGS983048:BGS983050 BQO983048:BQO983050 CAK983048:CAK983050 CKG983048:CKG983050 CUC983048:CUC983050 DDY983048:DDY983050 DNU983048:DNU983050 DXQ983048:DXQ983050 EHM983048:EHM983050 ERI983048:ERI983050 FBE983048:FBE983050 FLA983048:FLA983050 FUW983048:FUW983050 GES983048:GES983050 GOO983048:GOO983050 GYK983048:GYK983050 HIG983048:HIG983050 HSC983048:HSC983050 IBY983048:IBY983050 ILU983048:ILU983050 IVQ983048:IVQ983050 JFM983048:JFM983050 JPI983048:JPI983050 JZE983048:JZE983050 KJA983048:KJA983050 KSW983048:KSW983050 LCS983048:LCS983050 LMO983048:LMO983050 LWK983048:LWK983050 MGG983048:MGG983050 MQC983048:MQC983050 MZY983048:MZY983050 NJU983048:NJU983050 NTQ983048:NTQ983050 ODM983048:ODM983050 ONI983048:ONI983050 OXE983048:OXE983050 PHA983048:PHA983050 PQW983048:PQW983050 QAS983048:QAS983050 QKO983048:QKO983050 QUK983048:QUK983050 REG983048:REG983050 ROC983048:ROC983050 RXY983048:RXY983050 SHU983048:SHU983050 SRQ983048:SRQ983050 TBM983048:TBM983050 TLI983048:TLI983050 TVE983048:TVE983050 UFA983048:UFA983050 UOW983048:UOW983050 UYS983048:UYS983050 VIO983048:VIO983050 VSK983048:VSK983050 WCG983048:WCG983050 WMC983048:WMC983050 WVY983048:WVY983050 AA54 JW54 TS54 ADO54 ANK54 AXG54 BHC54 BQY54 CAU54 CKQ54 CUM54 DEI54 DOE54 DYA54 EHW54 ERS54 FBO54 FLK54 FVG54 GFC54 GOY54 GYU54 HIQ54 HSM54 ICI54 IME54 IWA54 JFW54 JPS54 JZO54 KJK54 KTG54 LDC54 LMY54 LWU54 MGQ54 MQM54 NAI54 NKE54 NUA54 ODW54 ONS54 OXO54 PHK54 PRG54 QBC54 QKY54 QUU54 REQ54 ROM54 RYI54 SIE54 SSA54 TBW54 TLS54 TVO54 UFK54 UPG54 UZC54 VIY54 VSU54 WCQ54 WMM54 WWI54 AA65591 JW65591 TS65591 ADO65591 ANK65591 AXG65591 BHC65591 BQY65591 CAU65591 CKQ65591 CUM65591 DEI65591 DOE65591 DYA65591 EHW65591 ERS65591 FBO65591 FLK65591 FVG65591 GFC65591 GOY65591 GYU65591 HIQ65591 HSM65591 ICI65591 IME65591 IWA65591 JFW65591 JPS65591 JZO65591 KJK65591 KTG65591 LDC65591 LMY65591 LWU65591 MGQ65591 MQM65591 NAI65591 NKE65591 NUA65591 ODW65591 ONS65591 OXO65591 PHK65591 PRG65591 QBC65591 QKY65591 QUU65591 REQ65591 ROM65591 RYI65591 SIE65591 SSA65591 TBW65591 TLS65591 TVO65591 UFK65591 UPG65591 UZC65591 VIY65591 VSU65591 WCQ65591 WMM65591 WWI65591 AA131127 JW131127 TS131127 ADO131127 ANK131127 AXG131127 BHC131127 BQY131127 CAU131127 CKQ131127 CUM131127 DEI131127 DOE131127 DYA131127 EHW131127 ERS131127 FBO131127 FLK131127 FVG131127 GFC131127 GOY131127 GYU131127 HIQ131127 HSM131127 ICI131127 IME131127 IWA131127 JFW131127 JPS131127 JZO131127 KJK131127 KTG131127 LDC131127 LMY131127 LWU131127 MGQ131127 MQM131127 NAI131127 NKE131127 NUA131127 ODW131127 ONS131127 OXO131127 PHK131127 PRG131127 QBC131127 QKY131127 QUU131127 REQ131127 ROM131127 RYI131127 SIE131127 SSA131127 TBW131127 TLS131127 TVO131127 UFK131127 UPG131127 UZC131127 VIY131127 VSU131127 WCQ131127 WMM131127 WWI131127 AA196663 JW196663 TS196663 ADO196663 ANK196663 AXG196663 BHC196663 BQY196663 CAU196663 CKQ196663 CUM196663 DEI196663 DOE196663 DYA196663 EHW196663 ERS196663 FBO196663 FLK196663 FVG196663 GFC196663 GOY196663 GYU196663 HIQ196663 HSM196663 ICI196663 IME196663 IWA196663 JFW196663 JPS196663 JZO196663 KJK196663 KTG196663 LDC196663 LMY196663 LWU196663 MGQ196663 MQM196663 NAI196663 NKE196663 NUA196663 ODW196663 ONS196663 OXO196663 PHK196663 PRG196663 QBC196663 QKY196663 QUU196663 REQ196663 ROM196663 RYI196663 SIE196663 SSA196663 TBW196663 TLS196663 TVO196663 UFK196663 UPG196663 UZC196663 VIY196663 VSU196663 WCQ196663 WMM196663 WWI196663 AA262199 JW262199 TS262199 ADO262199 ANK262199 AXG262199 BHC262199 BQY262199 CAU262199 CKQ262199 CUM262199 DEI262199 DOE262199 DYA262199 EHW262199 ERS262199 FBO262199 FLK262199 FVG262199 GFC262199 GOY262199 GYU262199 HIQ262199 HSM262199 ICI262199 IME262199 IWA262199 JFW262199 JPS262199 JZO262199 KJK262199 KTG262199 LDC262199 LMY262199 LWU262199 MGQ262199 MQM262199 NAI262199 NKE262199 NUA262199 ODW262199 ONS262199 OXO262199 PHK262199 PRG262199 QBC262199 QKY262199 QUU262199 REQ262199 ROM262199 RYI262199 SIE262199 SSA262199 TBW262199 TLS262199 TVO262199 UFK262199 UPG262199 UZC262199 VIY262199 VSU262199 WCQ262199 WMM262199 WWI262199 AA327735 JW327735 TS327735 ADO327735 ANK327735 AXG327735 BHC327735 BQY327735 CAU327735 CKQ327735 CUM327735 DEI327735 DOE327735 DYA327735 EHW327735 ERS327735 FBO327735 FLK327735 FVG327735 GFC327735 GOY327735 GYU327735 HIQ327735 HSM327735 ICI327735 IME327735 IWA327735 JFW327735 JPS327735 JZO327735 KJK327735 KTG327735 LDC327735 LMY327735 LWU327735 MGQ327735 MQM327735 NAI327735 NKE327735 NUA327735 ODW327735 ONS327735 OXO327735 PHK327735 PRG327735 QBC327735 QKY327735 QUU327735 REQ327735 ROM327735 RYI327735 SIE327735 SSA327735 TBW327735 TLS327735 TVO327735 UFK327735 UPG327735 UZC327735 VIY327735 VSU327735 WCQ327735 WMM327735 WWI327735 AA393271 JW393271 TS393271 ADO393271 ANK393271 AXG393271 BHC393271 BQY393271 CAU393271 CKQ393271 CUM393271 DEI393271 DOE393271 DYA393271 EHW393271 ERS393271 FBO393271 FLK393271 FVG393271 GFC393271 GOY393271 GYU393271 HIQ393271 HSM393271 ICI393271 IME393271 IWA393271 JFW393271 JPS393271 JZO393271 KJK393271 KTG393271 LDC393271 LMY393271 LWU393271 MGQ393271 MQM393271 NAI393271 NKE393271 NUA393271 ODW393271 ONS393271 OXO393271 PHK393271 PRG393271 QBC393271 QKY393271 QUU393271 REQ393271 ROM393271 RYI393271 SIE393271 SSA393271 TBW393271 TLS393271 TVO393271 UFK393271 UPG393271 UZC393271 VIY393271 VSU393271 WCQ393271 WMM393271 WWI393271 AA458807 JW458807 TS458807 ADO458807 ANK458807 AXG458807 BHC458807 BQY458807 CAU458807 CKQ458807 CUM458807 DEI458807 DOE458807 DYA458807 EHW458807 ERS458807 FBO458807 FLK458807 FVG458807 GFC458807 GOY458807 GYU458807 HIQ458807 HSM458807 ICI458807 IME458807 IWA458807 JFW458807 JPS458807 JZO458807 KJK458807 KTG458807 LDC458807 LMY458807 LWU458807 MGQ458807 MQM458807 NAI458807 NKE458807 NUA458807 ODW458807 ONS458807 OXO458807 PHK458807 PRG458807 QBC458807 QKY458807 QUU458807 REQ458807 ROM458807 RYI458807 SIE458807 SSA458807 TBW458807 TLS458807 TVO458807 UFK458807 UPG458807 UZC458807 VIY458807 VSU458807 WCQ458807 WMM458807 WWI458807 AA524343 JW524343 TS524343 ADO524343 ANK524343 AXG524343 BHC524343 BQY524343 CAU524343 CKQ524343 CUM524343 DEI524343 DOE524343 DYA524343 EHW524343 ERS524343 FBO524343 FLK524343 FVG524343 GFC524343 GOY524343 GYU524343 HIQ524343 HSM524343 ICI524343 IME524343 IWA524343 JFW524343 JPS524343 JZO524343 KJK524343 KTG524343 LDC524343 LMY524343 LWU524343 MGQ524343 MQM524343 NAI524343 NKE524343 NUA524343 ODW524343 ONS524343 OXO524343 PHK524343 PRG524343 QBC524343 QKY524343 QUU524343 REQ524343 ROM524343 RYI524343 SIE524343 SSA524343 TBW524343 TLS524343 TVO524343 UFK524343 UPG524343 UZC524343 VIY524343 VSU524343 WCQ524343 WMM524343 WWI524343 AA589879 JW589879 TS589879 ADO589879 ANK589879 AXG589879 BHC589879 BQY589879 CAU589879 CKQ589879 CUM589879 DEI589879 DOE589879 DYA589879 EHW589879 ERS589879 FBO589879 FLK589879 FVG589879 GFC589879 GOY589879 GYU589879 HIQ589879 HSM589879 ICI589879 IME589879 IWA589879 JFW589879 JPS589879 JZO589879 KJK589879 KTG589879 LDC589879 LMY589879 LWU589879 MGQ589879 MQM589879 NAI589879 NKE589879 NUA589879 ODW589879 ONS589879 OXO589879 PHK589879 PRG589879 QBC589879 QKY589879 QUU589879 REQ589879 ROM589879 RYI589879 SIE589879 SSA589879 TBW589879 TLS589879 TVO589879 UFK589879 UPG589879 UZC589879 VIY589879 VSU589879 WCQ589879 WMM589879 WWI589879 AA655415 JW655415 TS655415 ADO655415 ANK655415 AXG655415 BHC655415 BQY655415 CAU655415 CKQ655415 CUM655415 DEI655415 DOE655415 DYA655415 EHW655415 ERS655415 FBO655415 FLK655415 FVG655415 GFC655415 GOY655415 GYU655415 HIQ655415 HSM655415 ICI655415 IME655415 IWA655415 JFW655415 JPS655415 JZO655415 KJK655415 KTG655415 LDC655415 LMY655415 LWU655415 MGQ655415 MQM655415 NAI655415 NKE655415 NUA655415 ODW655415 ONS655415 OXO655415 PHK655415 PRG655415 QBC655415 QKY655415 QUU655415 REQ655415 ROM655415 RYI655415 SIE655415 SSA655415 TBW655415 TLS655415 TVO655415 UFK655415 UPG655415 UZC655415 VIY655415 VSU655415 WCQ655415 WMM655415 WWI655415 AA720951 JW720951 TS720951 ADO720951 ANK720951 AXG720951 BHC720951 BQY720951 CAU720951 CKQ720951 CUM720951 DEI720951 DOE720951 DYA720951 EHW720951 ERS720951 FBO720951 FLK720951 FVG720951 GFC720951 GOY720951 GYU720951 HIQ720951 HSM720951 ICI720951 IME720951 IWA720951 JFW720951 JPS720951 JZO720951 KJK720951 KTG720951 LDC720951 LMY720951 LWU720951 MGQ720951 MQM720951 NAI720951 NKE720951 NUA720951 ODW720951 ONS720951 OXO720951 PHK720951 PRG720951 QBC720951 QKY720951 QUU720951 REQ720951 ROM720951 RYI720951 SIE720951 SSA720951 TBW720951 TLS720951 TVO720951 UFK720951 UPG720951 UZC720951 VIY720951 VSU720951 WCQ720951 WMM720951 WWI720951 AA786487 JW786487 TS786487 ADO786487 ANK786487 AXG786487 BHC786487 BQY786487 CAU786487 CKQ786487 CUM786487 DEI786487 DOE786487 DYA786487 EHW786487 ERS786487 FBO786487 FLK786487 FVG786487 GFC786487 GOY786487 GYU786487 HIQ786487 HSM786487 ICI786487 IME786487 IWA786487 JFW786487 JPS786487 JZO786487 KJK786487 KTG786487 LDC786487 LMY786487 LWU786487 MGQ786487 MQM786487 NAI786487 NKE786487 NUA786487 ODW786487 ONS786487 OXO786487 PHK786487 PRG786487 QBC786487 QKY786487 QUU786487 REQ786487 ROM786487 RYI786487 SIE786487 SSA786487 TBW786487 TLS786487 TVO786487 UFK786487 UPG786487 UZC786487 VIY786487 VSU786487 WCQ786487 WMM786487 WWI786487 AA852023 JW852023 TS852023 ADO852023 ANK852023 AXG852023 BHC852023 BQY852023 CAU852023 CKQ852023 CUM852023 DEI852023 DOE852023 DYA852023 EHW852023 ERS852023 FBO852023 FLK852023 FVG852023 GFC852023 GOY852023 GYU852023 HIQ852023 HSM852023 ICI852023 IME852023 IWA852023 JFW852023 JPS852023 JZO852023 KJK852023 KTG852023 LDC852023 LMY852023 LWU852023 MGQ852023 MQM852023 NAI852023 NKE852023 NUA852023 ODW852023 ONS852023 OXO852023 PHK852023 PRG852023 QBC852023 QKY852023 QUU852023 REQ852023 ROM852023 RYI852023 SIE852023 SSA852023 TBW852023 TLS852023 TVO852023 UFK852023 UPG852023 UZC852023 VIY852023 VSU852023 WCQ852023 WMM852023 WWI852023 AA917559 JW917559 TS917559 ADO917559 ANK917559 AXG917559 BHC917559 BQY917559 CAU917559 CKQ917559 CUM917559 DEI917559 DOE917559 DYA917559 EHW917559 ERS917559 FBO917559 FLK917559 FVG917559 GFC917559 GOY917559 GYU917559 HIQ917559 HSM917559 ICI917559 IME917559 IWA917559 JFW917559 JPS917559 JZO917559 KJK917559 KTG917559 LDC917559 LMY917559 LWU917559 MGQ917559 MQM917559 NAI917559 NKE917559 NUA917559 ODW917559 ONS917559 OXO917559 PHK917559 PRG917559 QBC917559 QKY917559 QUU917559 REQ917559 ROM917559 RYI917559 SIE917559 SSA917559 TBW917559 TLS917559 TVO917559 UFK917559 UPG917559 UZC917559 VIY917559 VSU917559 WCQ917559 WMM917559 WWI917559 AA983095 JW983095 TS983095 ADO983095 ANK983095 AXG983095 BHC983095 BQY983095 CAU983095 CKQ983095 CUM983095 DEI983095 DOE983095 DYA983095 EHW983095 ERS983095 FBO983095 FLK983095 FVG983095 GFC983095 GOY983095 GYU983095 HIQ983095 HSM983095 ICI983095 IME983095 IWA983095 JFW983095 JPS983095 JZO983095 KJK983095 KTG983095 LDC983095 LMY983095 LWU983095 MGQ983095 MQM983095 NAI983095 NKE983095 NUA983095 ODW983095 ONS983095 OXO983095 PHK983095 PRG983095 QBC983095 QKY983095 QUU983095 REQ983095 ROM983095 RYI983095 SIE983095 SSA983095 TBW983095 TLS983095 TVO983095 UFK983095 UPG983095 UZC983095 VIY983095 VSU983095 WCQ983095 WMM983095 WWI983095 Y36:Y38 JU36:JU38 TQ36:TQ38 ADM36:ADM38 ANI36:ANI38 AXE36:AXE38 BHA36:BHA38 BQW36:BQW38 CAS36:CAS38 CKO36:CKO38 CUK36:CUK38 DEG36:DEG38 DOC36:DOC38 DXY36:DXY38 EHU36:EHU38 ERQ36:ERQ38 FBM36:FBM38 FLI36:FLI38 FVE36:FVE38 GFA36:GFA38 GOW36:GOW38 GYS36:GYS38 HIO36:HIO38 HSK36:HSK38 ICG36:ICG38 IMC36:IMC38 IVY36:IVY38 JFU36:JFU38 JPQ36:JPQ38 JZM36:JZM38 KJI36:KJI38 KTE36:KTE38 LDA36:LDA38 LMW36:LMW38 LWS36:LWS38 MGO36:MGO38 MQK36:MQK38 NAG36:NAG38 NKC36:NKC38 NTY36:NTY38 ODU36:ODU38 ONQ36:ONQ38 OXM36:OXM38 PHI36:PHI38 PRE36:PRE38 QBA36:QBA38 QKW36:QKW38 QUS36:QUS38 REO36:REO38 ROK36:ROK38 RYG36:RYG38 SIC36:SIC38 SRY36:SRY38 TBU36:TBU38 TLQ36:TLQ38 TVM36:TVM38 UFI36:UFI38 UPE36:UPE38 UZA36:UZA38 VIW36:VIW38 VSS36:VSS38 WCO36:WCO38 WMK36:WMK38 WWG36:WWG38 Y65573:Y65575 JU65573:JU65575 TQ65573:TQ65575 ADM65573:ADM65575 ANI65573:ANI65575 AXE65573:AXE65575 BHA65573:BHA65575 BQW65573:BQW65575 CAS65573:CAS65575 CKO65573:CKO65575 CUK65573:CUK65575 DEG65573:DEG65575 DOC65573:DOC65575 DXY65573:DXY65575 EHU65573:EHU65575 ERQ65573:ERQ65575 FBM65573:FBM65575 FLI65573:FLI65575 FVE65573:FVE65575 GFA65573:GFA65575 GOW65573:GOW65575 GYS65573:GYS65575 HIO65573:HIO65575 HSK65573:HSK65575 ICG65573:ICG65575 IMC65573:IMC65575 IVY65573:IVY65575 JFU65573:JFU65575 JPQ65573:JPQ65575 JZM65573:JZM65575 KJI65573:KJI65575 KTE65573:KTE65575 LDA65573:LDA65575 LMW65573:LMW65575 LWS65573:LWS65575 MGO65573:MGO65575 MQK65573:MQK65575 NAG65573:NAG65575 NKC65573:NKC65575 NTY65573:NTY65575 ODU65573:ODU65575 ONQ65573:ONQ65575 OXM65573:OXM65575 PHI65573:PHI65575 PRE65573:PRE65575 QBA65573:QBA65575 QKW65573:QKW65575 QUS65573:QUS65575 REO65573:REO65575 ROK65573:ROK65575 RYG65573:RYG65575 SIC65573:SIC65575 SRY65573:SRY65575 TBU65573:TBU65575 TLQ65573:TLQ65575 TVM65573:TVM65575 UFI65573:UFI65575 UPE65573:UPE65575 UZA65573:UZA65575 VIW65573:VIW65575 VSS65573:VSS65575 WCO65573:WCO65575 WMK65573:WMK65575 WWG65573:WWG65575 Y131109:Y131111 JU131109:JU131111 TQ131109:TQ131111 ADM131109:ADM131111 ANI131109:ANI131111 AXE131109:AXE131111 BHA131109:BHA131111 BQW131109:BQW131111 CAS131109:CAS131111 CKO131109:CKO131111 CUK131109:CUK131111 DEG131109:DEG131111 DOC131109:DOC131111 DXY131109:DXY131111 EHU131109:EHU131111 ERQ131109:ERQ131111 FBM131109:FBM131111 FLI131109:FLI131111 FVE131109:FVE131111 GFA131109:GFA131111 GOW131109:GOW131111 GYS131109:GYS131111 HIO131109:HIO131111 HSK131109:HSK131111 ICG131109:ICG131111 IMC131109:IMC131111 IVY131109:IVY131111 JFU131109:JFU131111 JPQ131109:JPQ131111 JZM131109:JZM131111 KJI131109:KJI131111 KTE131109:KTE131111 LDA131109:LDA131111 LMW131109:LMW131111 LWS131109:LWS131111 MGO131109:MGO131111 MQK131109:MQK131111 NAG131109:NAG131111 NKC131109:NKC131111 NTY131109:NTY131111 ODU131109:ODU131111 ONQ131109:ONQ131111 OXM131109:OXM131111 PHI131109:PHI131111 PRE131109:PRE131111 QBA131109:QBA131111 QKW131109:QKW131111 QUS131109:QUS131111 REO131109:REO131111 ROK131109:ROK131111 RYG131109:RYG131111 SIC131109:SIC131111 SRY131109:SRY131111 TBU131109:TBU131111 TLQ131109:TLQ131111 TVM131109:TVM131111 UFI131109:UFI131111 UPE131109:UPE131111 UZA131109:UZA131111 VIW131109:VIW131111 VSS131109:VSS131111 WCO131109:WCO131111 WMK131109:WMK131111 WWG131109:WWG131111 Y196645:Y196647 JU196645:JU196647 TQ196645:TQ196647 ADM196645:ADM196647 ANI196645:ANI196647 AXE196645:AXE196647 BHA196645:BHA196647 BQW196645:BQW196647 CAS196645:CAS196647 CKO196645:CKO196647 CUK196645:CUK196647 DEG196645:DEG196647 DOC196645:DOC196647 DXY196645:DXY196647 EHU196645:EHU196647 ERQ196645:ERQ196647 FBM196645:FBM196647 FLI196645:FLI196647 FVE196645:FVE196647 GFA196645:GFA196647 GOW196645:GOW196647 GYS196645:GYS196647 HIO196645:HIO196647 HSK196645:HSK196647 ICG196645:ICG196647 IMC196645:IMC196647 IVY196645:IVY196647 JFU196645:JFU196647 JPQ196645:JPQ196647 JZM196645:JZM196647 KJI196645:KJI196647 KTE196645:KTE196647 LDA196645:LDA196647 LMW196645:LMW196647 LWS196645:LWS196647 MGO196645:MGO196647 MQK196645:MQK196647 NAG196645:NAG196647 NKC196645:NKC196647 NTY196645:NTY196647 ODU196645:ODU196647 ONQ196645:ONQ196647 OXM196645:OXM196647 PHI196645:PHI196647 PRE196645:PRE196647 QBA196645:QBA196647 QKW196645:QKW196647 QUS196645:QUS196647 REO196645:REO196647 ROK196645:ROK196647 RYG196645:RYG196647 SIC196645:SIC196647 SRY196645:SRY196647 TBU196645:TBU196647 TLQ196645:TLQ196647 TVM196645:TVM196647 UFI196645:UFI196647 UPE196645:UPE196647 UZA196645:UZA196647 VIW196645:VIW196647 VSS196645:VSS196647 WCO196645:WCO196647 WMK196645:WMK196647 WWG196645:WWG196647 Y262181:Y262183 JU262181:JU262183 TQ262181:TQ262183 ADM262181:ADM262183 ANI262181:ANI262183 AXE262181:AXE262183 BHA262181:BHA262183 BQW262181:BQW262183 CAS262181:CAS262183 CKO262181:CKO262183 CUK262181:CUK262183 DEG262181:DEG262183 DOC262181:DOC262183 DXY262181:DXY262183 EHU262181:EHU262183 ERQ262181:ERQ262183 FBM262181:FBM262183 FLI262181:FLI262183 FVE262181:FVE262183 GFA262181:GFA262183 GOW262181:GOW262183 GYS262181:GYS262183 HIO262181:HIO262183 HSK262181:HSK262183 ICG262181:ICG262183 IMC262181:IMC262183 IVY262181:IVY262183 JFU262181:JFU262183 JPQ262181:JPQ262183 JZM262181:JZM262183 KJI262181:KJI262183 KTE262181:KTE262183 LDA262181:LDA262183 LMW262181:LMW262183 LWS262181:LWS262183 MGO262181:MGO262183 MQK262181:MQK262183 NAG262181:NAG262183 NKC262181:NKC262183 NTY262181:NTY262183 ODU262181:ODU262183 ONQ262181:ONQ262183 OXM262181:OXM262183 PHI262181:PHI262183 PRE262181:PRE262183 QBA262181:QBA262183 QKW262181:QKW262183 QUS262181:QUS262183 REO262181:REO262183 ROK262181:ROK262183 RYG262181:RYG262183 SIC262181:SIC262183 SRY262181:SRY262183 TBU262181:TBU262183 TLQ262181:TLQ262183 TVM262181:TVM262183 UFI262181:UFI262183 UPE262181:UPE262183 UZA262181:UZA262183 VIW262181:VIW262183 VSS262181:VSS262183 WCO262181:WCO262183 WMK262181:WMK262183 WWG262181:WWG262183 Y327717:Y327719 JU327717:JU327719 TQ327717:TQ327719 ADM327717:ADM327719 ANI327717:ANI327719 AXE327717:AXE327719 BHA327717:BHA327719 BQW327717:BQW327719 CAS327717:CAS327719 CKO327717:CKO327719 CUK327717:CUK327719 DEG327717:DEG327719 DOC327717:DOC327719 DXY327717:DXY327719 EHU327717:EHU327719 ERQ327717:ERQ327719 FBM327717:FBM327719 FLI327717:FLI327719 FVE327717:FVE327719 GFA327717:GFA327719 GOW327717:GOW327719 GYS327717:GYS327719 HIO327717:HIO327719 HSK327717:HSK327719 ICG327717:ICG327719 IMC327717:IMC327719 IVY327717:IVY327719 JFU327717:JFU327719 JPQ327717:JPQ327719 JZM327717:JZM327719 KJI327717:KJI327719 KTE327717:KTE327719 LDA327717:LDA327719 LMW327717:LMW327719 LWS327717:LWS327719 MGO327717:MGO327719 MQK327717:MQK327719 NAG327717:NAG327719 NKC327717:NKC327719 NTY327717:NTY327719 ODU327717:ODU327719 ONQ327717:ONQ327719 OXM327717:OXM327719 PHI327717:PHI327719 PRE327717:PRE327719 QBA327717:QBA327719 QKW327717:QKW327719 QUS327717:QUS327719 REO327717:REO327719 ROK327717:ROK327719 RYG327717:RYG327719 SIC327717:SIC327719 SRY327717:SRY327719 TBU327717:TBU327719 TLQ327717:TLQ327719 TVM327717:TVM327719 UFI327717:UFI327719 UPE327717:UPE327719 UZA327717:UZA327719 VIW327717:VIW327719 VSS327717:VSS327719 WCO327717:WCO327719 WMK327717:WMK327719 WWG327717:WWG327719 Y393253:Y393255 JU393253:JU393255 TQ393253:TQ393255 ADM393253:ADM393255 ANI393253:ANI393255 AXE393253:AXE393255 BHA393253:BHA393255 BQW393253:BQW393255 CAS393253:CAS393255 CKO393253:CKO393255 CUK393253:CUK393255 DEG393253:DEG393255 DOC393253:DOC393255 DXY393253:DXY393255 EHU393253:EHU393255 ERQ393253:ERQ393255 FBM393253:FBM393255 FLI393253:FLI393255 FVE393253:FVE393255 GFA393253:GFA393255 GOW393253:GOW393255 GYS393253:GYS393255 HIO393253:HIO393255 HSK393253:HSK393255 ICG393253:ICG393255 IMC393253:IMC393255 IVY393253:IVY393255 JFU393253:JFU393255 JPQ393253:JPQ393255 JZM393253:JZM393255 KJI393253:KJI393255 KTE393253:KTE393255 LDA393253:LDA393255 LMW393253:LMW393255 LWS393253:LWS393255 MGO393253:MGO393255 MQK393253:MQK393255 NAG393253:NAG393255 NKC393253:NKC393255 NTY393253:NTY393255 ODU393253:ODU393255 ONQ393253:ONQ393255 OXM393253:OXM393255 PHI393253:PHI393255 PRE393253:PRE393255 QBA393253:QBA393255 QKW393253:QKW393255 QUS393253:QUS393255 REO393253:REO393255 ROK393253:ROK393255 RYG393253:RYG393255 SIC393253:SIC393255 SRY393253:SRY393255 TBU393253:TBU393255 TLQ393253:TLQ393255 TVM393253:TVM393255 UFI393253:UFI393255 UPE393253:UPE393255 UZA393253:UZA393255 VIW393253:VIW393255 VSS393253:VSS393255 WCO393253:WCO393255 WMK393253:WMK393255 WWG393253:WWG393255 Y458789:Y458791 JU458789:JU458791 TQ458789:TQ458791 ADM458789:ADM458791 ANI458789:ANI458791 AXE458789:AXE458791 BHA458789:BHA458791 BQW458789:BQW458791 CAS458789:CAS458791 CKO458789:CKO458791 CUK458789:CUK458791 DEG458789:DEG458791 DOC458789:DOC458791 DXY458789:DXY458791 EHU458789:EHU458791 ERQ458789:ERQ458791 FBM458789:FBM458791 FLI458789:FLI458791 FVE458789:FVE458791 GFA458789:GFA458791 GOW458789:GOW458791 GYS458789:GYS458791 HIO458789:HIO458791 HSK458789:HSK458791 ICG458789:ICG458791 IMC458789:IMC458791 IVY458789:IVY458791 JFU458789:JFU458791 JPQ458789:JPQ458791 JZM458789:JZM458791 KJI458789:KJI458791 KTE458789:KTE458791 LDA458789:LDA458791 LMW458789:LMW458791 LWS458789:LWS458791 MGO458789:MGO458791 MQK458789:MQK458791 NAG458789:NAG458791 NKC458789:NKC458791 NTY458789:NTY458791 ODU458789:ODU458791 ONQ458789:ONQ458791 OXM458789:OXM458791 PHI458789:PHI458791 PRE458789:PRE458791 QBA458789:QBA458791 QKW458789:QKW458791 QUS458789:QUS458791 REO458789:REO458791 ROK458789:ROK458791 RYG458789:RYG458791 SIC458789:SIC458791 SRY458789:SRY458791 TBU458789:TBU458791 TLQ458789:TLQ458791 TVM458789:TVM458791 UFI458789:UFI458791 UPE458789:UPE458791 UZA458789:UZA458791 VIW458789:VIW458791 VSS458789:VSS458791 WCO458789:WCO458791 WMK458789:WMK458791 WWG458789:WWG458791 Y524325:Y524327 JU524325:JU524327 TQ524325:TQ524327 ADM524325:ADM524327 ANI524325:ANI524327 AXE524325:AXE524327 BHA524325:BHA524327 BQW524325:BQW524327 CAS524325:CAS524327 CKO524325:CKO524327 CUK524325:CUK524327 DEG524325:DEG524327 DOC524325:DOC524327 DXY524325:DXY524327 EHU524325:EHU524327 ERQ524325:ERQ524327 FBM524325:FBM524327 FLI524325:FLI524327 FVE524325:FVE524327 GFA524325:GFA524327 GOW524325:GOW524327 GYS524325:GYS524327 HIO524325:HIO524327 HSK524325:HSK524327 ICG524325:ICG524327 IMC524325:IMC524327 IVY524325:IVY524327 JFU524325:JFU524327 JPQ524325:JPQ524327 JZM524325:JZM524327 KJI524325:KJI524327 KTE524325:KTE524327 LDA524325:LDA524327 LMW524325:LMW524327 LWS524325:LWS524327 MGO524325:MGO524327 MQK524325:MQK524327 NAG524325:NAG524327 NKC524325:NKC524327 NTY524325:NTY524327 ODU524325:ODU524327 ONQ524325:ONQ524327 OXM524325:OXM524327 PHI524325:PHI524327 PRE524325:PRE524327 QBA524325:QBA524327 QKW524325:QKW524327 QUS524325:QUS524327 REO524325:REO524327 ROK524325:ROK524327 RYG524325:RYG524327 SIC524325:SIC524327 SRY524325:SRY524327 TBU524325:TBU524327 TLQ524325:TLQ524327 TVM524325:TVM524327 UFI524325:UFI524327 UPE524325:UPE524327 UZA524325:UZA524327 VIW524325:VIW524327 VSS524325:VSS524327 WCO524325:WCO524327 WMK524325:WMK524327 WWG524325:WWG524327 Y589861:Y589863 JU589861:JU589863 TQ589861:TQ589863 ADM589861:ADM589863 ANI589861:ANI589863 AXE589861:AXE589863 BHA589861:BHA589863 BQW589861:BQW589863 CAS589861:CAS589863 CKO589861:CKO589863 CUK589861:CUK589863 DEG589861:DEG589863 DOC589861:DOC589863 DXY589861:DXY589863 EHU589861:EHU589863 ERQ589861:ERQ589863 FBM589861:FBM589863 FLI589861:FLI589863 FVE589861:FVE589863 GFA589861:GFA589863 GOW589861:GOW589863 GYS589861:GYS589863 HIO589861:HIO589863 HSK589861:HSK589863 ICG589861:ICG589863 IMC589861:IMC589863 IVY589861:IVY589863 JFU589861:JFU589863 JPQ589861:JPQ589863 JZM589861:JZM589863 KJI589861:KJI589863 KTE589861:KTE589863 LDA589861:LDA589863 LMW589861:LMW589863 LWS589861:LWS589863 MGO589861:MGO589863 MQK589861:MQK589863 NAG589861:NAG589863 NKC589861:NKC589863 NTY589861:NTY589863 ODU589861:ODU589863 ONQ589861:ONQ589863 OXM589861:OXM589863 PHI589861:PHI589863 PRE589861:PRE589863 QBA589861:QBA589863 QKW589861:QKW589863 QUS589861:QUS589863 REO589861:REO589863 ROK589861:ROK589863 RYG589861:RYG589863 SIC589861:SIC589863 SRY589861:SRY589863 TBU589861:TBU589863 TLQ589861:TLQ589863 TVM589861:TVM589863 UFI589861:UFI589863 UPE589861:UPE589863 UZA589861:UZA589863 VIW589861:VIW589863 VSS589861:VSS589863 WCO589861:WCO589863 WMK589861:WMK589863 WWG589861:WWG589863 Y655397:Y655399 JU655397:JU655399 TQ655397:TQ655399 ADM655397:ADM655399 ANI655397:ANI655399 AXE655397:AXE655399 BHA655397:BHA655399 BQW655397:BQW655399 CAS655397:CAS655399 CKO655397:CKO655399 CUK655397:CUK655399 DEG655397:DEG655399 DOC655397:DOC655399 DXY655397:DXY655399 EHU655397:EHU655399 ERQ655397:ERQ655399 FBM655397:FBM655399 FLI655397:FLI655399 FVE655397:FVE655399 GFA655397:GFA655399 GOW655397:GOW655399 GYS655397:GYS655399 HIO655397:HIO655399 HSK655397:HSK655399 ICG655397:ICG655399 IMC655397:IMC655399 IVY655397:IVY655399 JFU655397:JFU655399 JPQ655397:JPQ655399 JZM655397:JZM655399 KJI655397:KJI655399 KTE655397:KTE655399 LDA655397:LDA655399 LMW655397:LMW655399 LWS655397:LWS655399 MGO655397:MGO655399 MQK655397:MQK655399 NAG655397:NAG655399 NKC655397:NKC655399 NTY655397:NTY655399 ODU655397:ODU655399 ONQ655397:ONQ655399 OXM655397:OXM655399 PHI655397:PHI655399 PRE655397:PRE655399 QBA655397:QBA655399 QKW655397:QKW655399 QUS655397:QUS655399 REO655397:REO655399 ROK655397:ROK655399 RYG655397:RYG655399 SIC655397:SIC655399 SRY655397:SRY655399 TBU655397:TBU655399 TLQ655397:TLQ655399 TVM655397:TVM655399 UFI655397:UFI655399 UPE655397:UPE655399 UZA655397:UZA655399 VIW655397:VIW655399 VSS655397:VSS655399 WCO655397:WCO655399 WMK655397:WMK655399 WWG655397:WWG655399 Y720933:Y720935 JU720933:JU720935 TQ720933:TQ720935 ADM720933:ADM720935 ANI720933:ANI720935 AXE720933:AXE720935 BHA720933:BHA720935 BQW720933:BQW720935 CAS720933:CAS720935 CKO720933:CKO720935 CUK720933:CUK720935 DEG720933:DEG720935 DOC720933:DOC720935 DXY720933:DXY720935 EHU720933:EHU720935 ERQ720933:ERQ720935 FBM720933:FBM720935 FLI720933:FLI720935 FVE720933:FVE720935 GFA720933:GFA720935 GOW720933:GOW720935 GYS720933:GYS720935 HIO720933:HIO720935 HSK720933:HSK720935 ICG720933:ICG720935 IMC720933:IMC720935 IVY720933:IVY720935 JFU720933:JFU720935 JPQ720933:JPQ720935 JZM720933:JZM720935 KJI720933:KJI720935 KTE720933:KTE720935 LDA720933:LDA720935 LMW720933:LMW720935 LWS720933:LWS720935 MGO720933:MGO720935 MQK720933:MQK720935 NAG720933:NAG720935 NKC720933:NKC720935 NTY720933:NTY720935 ODU720933:ODU720935 ONQ720933:ONQ720935 OXM720933:OXM720935 PHI720933:PHI720935 PRE720933:PRE720935 QBA720933:QBA720935 QKW720933:QKW720935 QUS720933:QUS720935 REO720933:REO720935 ROK720933:ROK720935 RYG720933:RYG720935 SIC720933:SIC720935 SRY720933:SRY720935 TBU720933:TBU720935 TLQ720933:TLQ720935 TVM720933:TVM720935 UFI720933:UFI720935 UPE720933:UPE720935 UZA720933:UZA720935 VIW720933:VIW720935 VSS720933:VSS720935 WCO720933:WCO720935 WMK720933:WMK720935 WWG720933:WWG720935 Y786469:Y786471 JU786469:JU786471 TQ786469:TQ786471 ADM786469:ADM786471 ANI786469:ANI786471 AXE786469:AXE786471 BHA786469:BHA786471 BQW786469:BQW786471 CAS786469:CAS786471 CKO786469:CKO786471 CUK786469:CUK786471 DEG786469:DEG786471 DOC786469:DOC786471 DXY786469:DXY786471 EHU786469:EHU786471 ERQ786469:ERQ786471 FBM786469:FBM786471 FLI786469:FLI786471 FVE786469:FVE786471 GFA786469:GFA786471 GOW786469:GOW786471 GYS786469:GYS786471 HIO786469:HIO786471 HSK786469:HSK786471 ICG786469:ICG786471 IMC786469:IMC786471 IVY786469:IVY786471 JFU786469:JFU786471 JPQ786469:JPQ786471 JZM786469:JZM786471 KJI786469:KJI786471 KTE786469:KTE786471 LDA786469:LDA786471 LMW786469:LMW786471 LWS786469:LWS786471 MGO786469:MGO786471 MQK786469:MQK786471 NAG786469:NAG786471 NKC786469:NKC786471 NTY786469:NTY786471 ODU786469:ODU786471 ONQ786469:ONQ786471 OXM786469:OXM786471 PHI786469:PHI786471 PRE786469:PRE786471 QBA786469:QBA786471 QKW786469:QKW786471 QUS786469:QUS786471 REO786469:REO786471 ROK786469:ROK786471 RYG786469:RYG786471 SIC786469:SIC786471 SRY786469:SRY786471 TBU786469:TBU786471 TLQ786469:TLQ786471 TVM786469:TVM786471 UFI786469:UFI786471 UPE786469:UPE786471 UZA786469:UZA786471 VIW786469:VIW786471 VSS786469:VSS786471 WCO786469:WCO786471 WMK786469:WMK786471 WWG786469:WWG786471 Y852005:Y852007 JU852005:JU852007 TQ852005:TQ852007 ADM852005:ADM852007 ANI852005:ANI852007 AXE852005:AXE852007 BHA852005:BHA852007 BQW852005:BQW852007 CAS852005:CAS852007 CKO852005:CKO852007 CUK852005:CUK852007 DEG852005:DEG852007 DOC852005:DOC852007 DXY852005:DXY852007 EHU852005:EHU852007 ERQ852005:ERQ852007 FBM852005:FBM852007 FLI852005:FLI852007 FVE852005:FVE852007 GFA852005:GFA852007 GOW852005:GOW852007 GYS852005:GYS852007 HIO852005:HIO852007 HSK852005:HSK852007 ICG852005:ICG852007 IMC852005:IMC852007 IVY852005:IVY852007 JFU852005:JFU852007 JPQ852005:JPQ852007 JZM852005:JZM852007 KJI852005:KJI852007 KTE852005:KTE852007 LDA852005:LDA852007 LMW852005:LMW852007 LWS852005:LWS852007 MGO852005:MGO852007 MQK852005:MQK852007 NAG852005:NAG852007 NKC852005:NKC852007 NTY852005:NTY852007 ODU852005:ODU852007 ONQ852005:ONQ852007 OXM852005:OXM852007 PHI852005:PHI852007 PRE852005:PRE852007 QBA852005:QBA852007 QKW852005:QKW852007 QUS852005:QUS852007 REO852005:REO852007 ROK852005:ROK852007 RYG852005:RYG852007 SIC852005:SIC852007 SRY852005:SRY852007 TBU852005:TBU852007 TLQ852005:TLQ852007 TVM852005:TVM852007 UFI852005:UFI852007 UPE852005:UPE852007 UZA852005:UZA852007 VIW852005:VIW852007 VSS852005:VSS852007 WCO852005:WCO852007 WMK852005:WMK852007 WWG852005:WWG852007 Y917541:Y917543 JU917541:JU917543 TQ917541:TQ917543 ADM917541:ADM917543 ANI917541:ANI917543 AXE917541:AXE917543 BHA917541:BHA917543 BQW917541:BQW917543 CAS917541:CAS917543 CKO917541:CKO917543 CUK917541:CUK917543 DEG917541:DEG917543 DOC917541:DOC917543 DXY917541:DXY917543 EHU917541:EHU917543 ERQ917541:ERQ917543 FBM917541:FBM917543 FLI917541:FLI917543 FVE917541:FVE917543 GFA917541:GFA917543 GOW917541:GOW917543 GYS917541:GYS917543 HIO917541:HIO917543 HSK917541:HSK917543 ICG917541:ICG917543 IMC917541:IMC917543 IVY917541:IVY917543 JFU917541:JFU917543 JPQ917541:JPQ917543 JZM917541:JZM917543 KJI917541:KJI917543 KTE917541:KTE917543 LDA917541:LDA917543 LMW917541:LMW917543 LWS917541:LWS917543 MGO917541:MGO917543 MQK917541:MQK917543 NAG917541:NAG917543 NKC917541:NKC917543 NTY917541:NTY917543 ODU917541:ODU917543 ONQ917541:ONQ917543 OXM917541:OXM917543 PHI917541:PHI917543 PRE917541:PRE917543 QBA917541:QBA917543 QKW917541:QKW917543 QUS917541:QUS917543 REO917541:REO917543 ROK917541:ROK917543 RYG917541:RYG917543 SIC917541:SIC917543 SRY917541:SRY917543 TBU917541:TBU917543 TLQ917541:TLQ917543 TVM917541:TVM917543 UFI917541:UFI917543 UPE917541:UPE917543 UZA917541:UZA917543 VIW917541:VIW917543 VSS917541:VSS917543 WCO917541:WCO917543 WMK917541:WMK917543 WWG917541:WWG917543 Y983077:Y983079 JU983077:JU983079 TQ983077:TQ983079 ADM983077:ADM983079 ANI983077:ANI983079 AXE983077:AXE983079 BHA983077:BHA983079 BQW983077:BQW983079 CAS983077:CAS983079 CKO983077:CKO983079 CUK983077:CUK983079 DEG983077:DEG983079 DOC983077:DOC983079 DXY983077:DXY983079 EHU983077:EHU983079 ERQ983077:ERQ983079 FBM983077:FBM983079 FLI983077:FLI983079 FVE983077:FVE983079 GFA983077:GFA983079 GOW983077:GOW983079 GYS983077:GYS983079 HIO983077:HIO983079 HSK983077:HSK983079 ICG983077:ICG983079 IMC983077:IMC983079 IVY983077:IVY983079 JFU983077:JFU983079 JPQ983077:JPQ983079 JZM983077:JZM983079 KJI983077:KJI983079 KTE983077:KTE983079 LDA983077:LDA983079 LMW983077:LMW983079 LWS983077:LWS983079 MGO983077:MGO983079 MQK983077:MQK983079 NAG983077:NAG983079 NKC983077:NKC983079 NTY983077:NTY983079 ODU983077:ODU983079 ONQ983077:ONQ983079 OXM983077:OXM983079 PHI983077:PHI983079 PRE983077:PRE983079 QBA983077:QBA983079 QKW983077:QKW983079 QUS983077:QUS983079 REO983077:REO983079 ROK983077:ROK983079 RYG983077:RYG983079 SIC983077:SIC983079 SRY983077:SRY983079 TBU983077:TBU983079 TLQ983077:TLQ983079 TVM983077:TVM983079 UFI983077:UFI983079 UPE983077:UPE983079 UZA983077:UZA983079 VIW983077:VIW983079 VSS983077:VSS983079 WCO983077:WCO983079 WMK983077:WMK983079 WWG983077:WWG983079 AA36:AA38 JW36:JW38 TS36:TS38 ADO36:ADO38 ANK36:ANK38 AXG36:AXG38 BHC36:BHC38 BQY36:BQY38 CAU36:CAU38 CKQ36:CKQ38 CUM36:CUM38 DEI36:DEI38 DOE36:DOE38 DYA36:DYA38 EHW36:EHW38 ERS36:ERS38 FBO36:FBO38 FLK36:FLK38 FVG36:FVG38 GFC36:GFC38 GOY36:GOY38 GYU36:GYU38 HIQ36:HIQ38 HSM36:HSM38 ICI36:ICI38 IME36:IME38 IWA36:IWA38 JFW36:JFW38 JPS36:JPS38 JZO36:JZO38 KJK36:KJK38 KTG36:KTG38 LDC36:LDC38 LMY36:LMY38 LWU36:LWU38 MGQ36:MGQ38 MQM36:MQM38 NAI36:NAI38 NKE36:NKE38 NUA36:NUA38 ODW36:ODW38 ONS36:ONS38 OXO36:OXO38 PHK36:PHK38 PRG36:PRG38 QBC36:QBC38 QKY36:QKY38 QUU36:QUU38 REQ36:REQ38 ROM36:ROM38 RYI36:RYI38 SIE36:SIE38 SSA36:SSA38 TBW36:TBW38 TLS36:TLS38 TVO36:TVO38 UFK36:UFK38 UPG36:UPG38 UZC36:UZC38 VIY36:VIY38 VSU36:VSU38 WCQ36:WCQ38 WMM36:WMM38 WWI36:WWI38 AA65573:AA65575 JW65573:JW65575 TS65573:TS65575 ADO65573:ADO65575 ANK65573:ANK65575 AXG65573:AXG65575 BHC65573:BHC65575 BQY65573:BQY65575 CAU65573:CAU65575 CKQ65573:CKQ65575 CUM65573:CUM65575 DEI65573:DEI65575 DOE65573:DOE65575 DYA65573:DYA65575 EHW65573:EHW65575 ERS65573:ERS65575 FBO65573:FBO65575 FLK65573:FLK65575 FVG65573:FVG65575 GFC65573:GFC65575 GOY65573:GOY65575 GYU65573:GYU65575 HIQ65573:HIQ65575 HSM65573:HSM65575 ICI65573:ICI65575 IME65573:IME65575 IWA65573:IWA65575 JFW65573:JFW65575 JPS65573:JPS65575 JZO65573:JZO65575 KJK65573:KJK65575 KTG65573:KTG65575 LDC65573:LDC65575 LMY65573:LMY65575 LWU65573:LWU65575 MGQ65573:MGQ65575 MQM65573:MQM65575 NAI65573:NAI65575 NKE65573:NKE65575 NUA65573:NUA65575 ODW65573:ODW65575 ONS65573:ONS65575 OXO65573:OXO65575 PHK65573:PHK65575 PRG65573:PRG65575 QBC65573:QBC65575 QKY65573:QKY65575 QUU65573:QUU65575 REQ65573:REQ65575 ROM65573:ROM65575 RYI65573:RYI65575 SIE65573:SIE65575 SSA65573:SSA65575 TBW65573:TBW65575 TLS65573:TLS65575 TVO65573:TVO65575 UFK65573:UFK65575 UPG65573:UPG65575 UZC65573:UZC65575 VIY65573:VIY65575 VSU65573:VSU65575 WCQ65573:WCQ65575 WMM65573:WMM65575 WWI65573:WWI65575 AA131109:AA131111 JW131109:JW131111 TS131109:TS131111 ADO131109:ADO131111 ANK131109:ANK131111 AXG131109:AXG131111 BHC131109:BHC131111 BQY131109:BQY131111 CAU131109:CAU131111 CKQ131109:CKQ131111 CUM131109:CUM131111 DEI131109:DEI131111 DOE131109:DOE131111 DYA131109:DYA131111 EHW131109:EHW131111 ERS131109:ERS131111 FBO131109:FBO131111 FLK131109:FLK131111 FVG131109:FVG131111 GFC131109:GFC131111 GOY131109:GOY131111 GYU131109:GYU131111 HIQ131109:HIQ131111 HSM131109:HSM131111 ICI131109:ICI131111 IME131109:IME131111 IWA131109:IWA131111 JFW131109:JFW131111 JPS131109:JPS131111 JZO131109:JZO131111 KJK131109:KJK131111 KTG131109:KTG131111 LDC131109:LDC131111 LMY131109:LMY131111 LWU131109:LWU131111 MGQ131109:MGQ131111 MQM131109:MQM131111 NAI131109:NAI131111 NKE131109:NKE131111 NUA131109:NUA131111 ODW131109:ODW131111 ONS131109:ONS131111 OXO131109:OXO131111 PHK131109:PHK131111 PRG131109:PRG131111 QBC131109:QBC131111 QKY131109:QKY131111 QUU131109:QUU131111 REQ131109:REQ131111 ROM131109:ROM131111 RYI131109:RYI131111 SIE131109:SIE131111 SSA131109:SSA131111 TBW131109:TBW131111 TLS131109:TLS131111 TVO131109:TVO131111 UFK131109:UFK131111 UPG131109:UPG131111 UZC131109:UZC131111 VIY131109:VIY131111 VSU131109:VSU131111 WCQ131109:WCQ131111 WMM131109:WMM131111 WWI131109:WWI131111 AA196645:AA196647 JW196645:JW196647 TS196645:TS196647 ADO196645:ADO196647 ANK196645:ANK196647 AXG196645:AXG196647 BHC196645:BHC196647 BQY196645:BQY196647 CAU196645:CAU196647 CKQ196645:CKQ196647 CUM196645:CUM196647 DEI196645:DEI196647 DOE196645:DOE196647 DYA196645:DYA196647 EHW196645:EHW196647 ERS196645:ERS196647 FBO196645:FBO196647 FLK196645:FLK196647 FVG196645:FVG196647 GFC196645:GFC196647 GOY196645:GOY196647 GYU196645:GYU196647 HIQ196645:HIQ196647 HSM196645:HSM196647 ICI196645:ICI196647 IME196645:IME196647 IWA196645:IWA196647 JFW196645:JFW196647 JPS196645:JPS196647 JZO196645:JZO196647 KJK196645:KJK196647 KTG196645:KTG196647 LDC196645:LDC196647 LMY196645:LMY196647 LWU196645:LWU196647 MGQ196645:MGQ196647 MQM196645:MQM196647 NAI196645:NAI196647 NKE196645:NKE196647 NUA196645:NUA196647 ODW196645:ODW196647 ONS196645:ONS196647 OXO196645:OXO196647 PHK196645:PHK196647 PRG196645:PRG196647 QBC196645:QBC196647 QKY196645:QKY196647 QUU196645:QUU196647 REQ196645:REQ196647 ROM196645:ROM196647 RYI196645:RYI196647 SIE196645:SIE196647 SSA196645:SSA196647 TBW196645:TBW196647 TLS196645:TLS196647 TVO196645:TVO196647 UFK196645:UFK196647 UPG196645:UPG196647 UZC196645:UZC196647 VIY196645:VIY196647 VSU196645:VSU196647 WCQ196645:WCQ196647 WMM196645:WMM196647 WWI196645:WWI196647 AA262181:AA262183 JW262181:JW262183 TS262181:TS262183 ADO262181:ADO262183 ANK262181:ANK262183 AXG262181:AXG262183 BHC262181:BHC262183 BQY262181:BQY262183 CAU262181:CAU262183 CKQ262181:CKQ262183 CUM262181:CUM262183 DEI262181:DEI262183 DOE262181:DOE262183 DYA262181:DYA262183 EHW262181:EHW262183 ERS262181:ERS262183 FBO262181:FBO262183 FLK262181:FLK262183 FVG262181:FVG262183 GFC262181:GFC262183 GOY262181:GOY262183 GYU262181:GYU262183 HIQ262181:HIQ262183 HSM262181:HSM262183 ICI262181:ICI262183 IME262181:IME262183 IWA262181:IWA262183 JFW262181:JFW262183 JPS262181:JPS262183 JZO262181:JZO262183 KJK262181:KJK262183 KTG262181:KTG262183 LDC262181:LDC262183 LMY262181:LMY262183 LWU262181:LWU262183 MGQ262181:MGQ262183 MQM262181:MQM262183 NAI262181:NAI262183 NKE262181:NKE262183 NUA262181:NUA262183 ODW262181:ODW262183 ONS262181:ONS262183 OXO262181:OXO262183 PHK262181:PHK262183 PRG262181:PRG262183 QBC262181:QBC262183 QKY262181:QKY262183 QUU262181:QUU262183 REQ262181:REQ262183 ROM262181:ROM262183 RYI262181:RYI262183 SIE262181:SIE262183 SSA262181:SSA262183 TBW262181:TBW262183 TLS262181:TLS262183 TVO262181:TVO262183 UFK262181:UFK262183 UPG262181:UPG262183 UZC262181:UZC262183 VIY262181:VIY262183 VSU262181:VSU262183 WCQ262181:WCQ262183 WMM262181:WMM262183 WWI262181:WWI262183 AA327717:AA327719 JW327717:JW327719 TS327717:TS327719 ADO327717:ADO327719 ANK327717:ANK327719 AXG327717:AXG327719 BHC327717:BHC327719 BQY327717:BQY327719 CAU327717:CAU327719 CKQ327717:CKQ327719 CUM327717:CUM327719 DEI327717:DEI327719 DOE327717:DOE327719 DYA327717:DYA327719 EHW327717:EHW327719 ERS327717:ERS327719 FBO327717:FBO327719 FLK327717:FLK327719 FVG327717:FVG327719 GFC327717:GFC327719 GOY327717:GOY327719 GYU327717:GYU327719 HIQ327717:HIQ327719 HSM327717:HSM327719 ICI327717:ICI327719 IME327717:IME327719 IWA327717:IWA327719 JFW327717:JFW327719 JPS327717:JPS327719 JZO327717:JZO327719 KJK327717:KJK327719 KTG327717:KTG327719 LDC327717:LDC327719 LMY327717:LMY327719 LWU327717:LWU327719 MGQ327717:MGQ327719 MQM327717:MQM327719 NAI327717:NAI327719 NKE327717:NKE327719 NUA327717:NUA327719 ODW327717:ODW327719 ONS327717:ONS327719 OXO327717:OXO327719 PHK327717:PHK327719 PRG327717:PRG327719 QBC327717:QBC327719 QKY327717:QKY327719 QUU327717:QUU327719 REQ327717:REQ327719 ROM327717:ROM327719 RYI327717:RYI327719 SIE327717:SIE327719 SSA327717:SSA327719 TBW327717:TBW327719 TLS327717:TLS327719 TVO327717:TVO327719 UFK327717:UFK327719 UPG327717:UPG327719 UZC327717:UZC327719 VIY327717:VIY327719 VSU327717:VSU327719 WCQ327717:WCQ327719 WMM327717:WMM327719 WWI327717:WWI327719 AA393253:AA393255 JW393253:JW393255 TS393253:TS393255 ADO393253:ADO393255 ANK393253:ANK393255 AXG393253:AXG393255 BHC393253:BHC393255 BQY393253:BQY393255 CAU393253:CAU393255 CKQ393253:CKQ393255 CUM393253:CUM393255 DEI393253:DEI393255 DOE393253:DOE393255 DYA393253:DYA393255 EHW393253:EHW393255 ERS393253:ERS393255 FBO393253:FBO393255 FLK393253:FLK393255 FVG393253:FVG393255 GFC393253:GFC393255 GOY393253:GOY393255 GYU393253:GYU393255 HIQ393253:HIQ393255 HSM393253:HSM393255 ICI393253:ICI393255 IME393253:IME393255 IWA393253:IWA393255 JFW393253:JFW393255 JPS393253:JPS393255 JZO393253:JZO393255 KJK393253:KJK393255 KTG393253:KTG393255 LDC393253:LDC393255 LMY393253:LMY393255 LWU393253:LWU393255 MGQ393253:MGQ393255 MQM393253:MQM393255 NAI393253:NAI393255 NKE393253:NKE393255 NUA393253:NUA393255 ODW393253:ODW393255 ONS393253:ONS393255 OXO393253:OXO393255 PHK393253:PHK393255 PRG393253:PRG393255 QBC393253:QBC393255 QKY393253:QKY393255 QUU393253:QUU393255 REQ393253:REQ393255 ROM393253:ROM393255 RYI393253:RYI393255 SIE393253:SIE393255 SSA393253:SSA393255 TBW393253:TBW393255 TLS393253:TLS393255 TVO393253:TVO393255 UFK393253:UFK393255 UPG393253:UPG393255 UZC393253:UZC393255 VIY393253:VIY393255 VSU393253:VSU393255 WCQ393253:WCQ393255 WMM393253:WMM393255 WWI393253:WWI393255 AA458789:AA458791 JW458789:JW458791 TS458789:TS458791 ADO458789:ADO458791 ANK458789:ANK458791 AXG458789:AXG458791 BHC458789:BHC458791 BQY458789:BQY458791 CAU458789:CAU458791 CKQ458789:CKQ458791 CUM458789:CUM458791 DEI458789:DEI458791 DOE458789:DOE458791 DYA458789:DYA458791 EHW458789:EHW458791 ERS458789:ERS458791 FBO458789:FBO458791 FLK458789:FLK458791 FVG458789:FVG458791 GFC458789:GFC458791 GOY458789:GOY458791 GYU458789:GYU458791 HIQ458789:HIQ458791 HSM458789:HSM458791 ICI458789:ICI458791 IME458789:IME458791 IWA458789:IWA458791 JFW458789:JFW458791 JPS458789:JPS458791 JZO458789:JZO458791 KJK458789:KJK458791 KTG458789:KTG458791 LDC458789:LDC458791 LMY458789:LMY458791 LWU458789:LWU458791 MGQ458789:MGQ458791 MQM458789:MQM458791 NAI458789:NAI458791 NKE458789:NKE458791 NUA458789:NUA458791 ODW458789:ODW458791 ONS458789:ONS458791 OXO458789:OXO458791 PHK458789:PHK458791 PRG458789:PRG458791 QBC458789:QBC458791 QKY458789:QKY458791 QUU458789:QUU458791 REQ458789:REQ458791 ROM458789:ROM458791 RYI458789:RYI458791 SIE458789:SIE458791 SSA458789:SSA458791 TBW458789:TBW458791 TLS458789:TLS458791 TVO458789:TVO458791 UFK458789:UFK458791 UPG458789:UPG458791 UZC458789:UZC458791 VIY458789:VIY458791 VSU458789:VSU458791 WCQ458789:WCQ458791 WMM458789:WMM458791 WWI458789:WWI458791 AA524325:AA524327 JW524325:JW524327 TS524325:TS524327 ADO524325:ADO524327 ANK524325:ANK524327 AXG524325:AXG524327 BHC524325:BHC524327 BQY524325:BQY524327 CAU524325:CAU524327 CKQ524325:CKQ524327 CUM524325:CUM524327 DEI524325:DEI524327 DOE524325:DOE524327 DYA524325:DYA524327 EHW524325:EHW524327 ERS524325:ERS524327 FBO524325:FBO524327 FLK524325:FLK524327 FVG524325:FVG524327 GFC524325:GFC524327 GOY524325:GOY524327 GYU524325:GYU524327 HIQ524325:HIQ524327 HSM524325:HSM524327 ICI524325:ICI524327 IME524325:IME524327 IWA524325:IWA524327 JFW524325:JFW524327 JPS524325:JPS524327 JZO524325:JZO524327 KJK524325:KJK524327 KTG524325:KTG524327 LDC524325:LDC524327 LMY524325:LMY524327 LWU524325:LWU524327 MGQ524325:MGQ524327 MQM524325:MQM524327 NAI524325:NAI524327 NKE524325:NKE524327 NUA524325:NUA524327 ODW524325:ODW524327 ONS524325:ONS524327 OXO524325:OXO524327 PHK524325:PHK524327 PRG524325:PRG524327 QBC524325:QBC524327 QKY524325:QKY524327 QUU524325:QUU524327 REQ524325:REQ524327 ROM524325:ROM524327 RYI524325:RYI524327 SIE524325:SIE524327 SSA524325:SSA524327 TBW524325:TBW524327 TLS524325:TLS524327 TVO524325:TVO524327 UFK524325:UFK524327 UPG524325:UPG524327 UZC524325:UZC524327 VIY524325:VIY524327 VSU524325:VSU524327 WCQ524325:WCQ524327 WMM524325:WMM524327 WWI524325:WWI524327 AA589861:AA589863 JW589861:JW589863 TS589861:TS589863 ADO589861:ADO589863 ANK589861:ANK589863 AXG589861:AXG589863 BHC589861:BHC589863 BQY589861:BQY589863 CAU589861:CAU589863 CKQ589861:CKQ589863 CUM589861:CUM589863 DEI589861:DEI589863 DOE589861:DOE589863 DYA589861:DYA589863 EHW589861:EHW589863 ERS589861:ERS589863 FBO589861:FBO589863 FLK589861:FLK589863 FVG589861:FVG589863 GFC589861:GFC589863 GOY589861:GOY589863 GYU589861:GYU589863 HIQ589861:HIQ589863 HSM589861:HSM589863 ICI589861:ICI589863 IME589861:IME589863 IWA589861:IWA589863 JFW589861:JFW589863 JPS589861:JPS589863 JZO589861:JZO589863 KJK589861:KJK589863 KTG589861:KTG589863 LDC589861:LDC589863 LMY589861:LMY589863 LWU589861:LWU589863 MGQ589861:MGQ589863 MQM589861:MQM589863 NAI589861:NAI589863 NKE589861:NKE589863 NUA589861:NUA589863 ODW589861:ODW589863 ONS589861:ONS589863 OXO589861:OXO589863 PHK589861:PHK589863 PRG589861:PRG589863 QBC589861:QBC589863 QKY589861:QKY589863 QUU589861:QUU589863 REQ589861:REQ589863 ROM589861:ROM589863 RYI589861:RYI589863 SIE589861:SIE589863 SSA589861:SSA589863 TBW589861:TBW589863 TLS589861:TLS589863 TVO589861:TVO589863 UFK589861:UFK589863 UPG589861:UPG589863 UZC589861:UZC589863 VIY589861:VIY589863 VSU589861:VSU589863 WCQ589861:WCQ589863 WMM589861:WMM589863 WWI589861:WWI589863 AA655397:AA655399 JW655397:JW655399 TS655397:TS655399 ADO655397:ADO655399 ANK655397:ANK655399 AXG655397:AXG655399 BHC655397:BHC655399 BQY655397:BQY655399 CAU655397:CAU655399 CKQ655397:CKQ655399 CUM655397:CUM655399 DEI655397:DEI655399 DOE655397:DOE655399 DYA655397:DYA655399 EHW655397:EHW655399 ERS655397:ERS655399 FBO655397:FBO655399 FLK655397:FLK655399 FVG655397:FVG655399 GFC655397:GFC655399 GOY655397:GOY655399 GYU655397:GYU655399 HIQ655397:HIQ655399 HSM655397:HSM655399 ICI655397:ICI655399 IME655397:IME655399 IWA655397:IWA655399 JFW655397:JFW655399 JPS655397:JPS655399 JZO655397:JZO655399 KJK655397:KJK655399 KTG655397:KTG655399 LDC655397:LDC655399 LMY655397:LMY655399 LWU655397:LWU655399 MGQ655397:MGQ655399 MQM655397:MQM655399 NAI655397:NAI655399 NKE655397:NKE655399 NUA655397:NUA655399 ODW655397:ODW655399 ONS655397:ONS655399 OXO655397:OXO655399 PHK655397:PHK655399 PRG655397:PRG655399 QBC655397:QBC655399 QKY655397:QKY655399 QUU655397:QUU655399 REQ655397:REQ655399 ROM655397:ROM655399 RYI655397:RYI655399 SIE655397:SIE655399 SSA655397:SSA655399 TBW655397:TBW655399 TLS655397:TLS655399 TVO655397:TVO655399 UFK655397:UFK655399 UPG655397:UPG655399 UZC655397:UZC655399 VIY655397:VIY655399 VSU655397:VSU655399 WCQ655397:WCQ655399 WMM655397:WMM655399 WWI655397:WWI655399 AA720933:AA720935 JW720933:JW720935 TS720933:TS720935 ADO720933:ADO720935 ANK720933:ANK720935 AXG720933:AXG720935 BHC720933:BHC720935 BQY720933:BQY720935 CAU720933:CAU720935 CKQ720933:CKQ720935 CUM720933:CUM720935 DEI720933:DEI720935 DOE720933:DOE720935 DYA720933:DYA720935 EHW720933:EHW720935 ERS720933:ERS720935 FBO720933:FBO720935 FLK720933:FLK720935 FVG720933:FVG720935 GFC720933:GFC720935 GOY720933:GOY720935 GYU720933:GYU720935 HIQ720933:HIQ720935 HSM720933:HSM720935 ICI720933:ICI720935 IME720933:IME720935 IWA720933:IWA720935 JFW720933:JFW720935 JPS720933:JPS720935 JZO720933:JZO720935 KJK720933:KJK720935 KTG720933:KTG720935 LDC720933:LDC720935 LMY720933:LMY720935 LWU720933:LWU720935 MGQ720933:MGQ720935 MQM720933:MQM720935 NAI720933:NAI720935 NKE720933:NKE720935 NUA720933:NUA720935 ODW720933:ODW720935 ONS720933:ONS720935 OXO720933:OXO720935 PHK720933:PHK720935 PRG720933:PRG720935 QBC720933:QBC720935 QKY720933:QKY720935 QUU720933:QUU720935 REQ720933:REQ720935 ROM720933:ROM720935 RYI720933:RYI720935 SIE720933:SIE720935 SSA720933:SSA720935 TBW720933:TBW720935 TLS720933:TLS720935 TVO720933:TVO720935 UFK720933:UFK720935 UPG720933:UPG720935 UZC720933:UZC720935 VIY720933:VIY720935 VSU720933:VSU720935 WCQ720933:WCQ720935 WMM720933:WMM720935 WWI720933:WWI720935 AA786469:AA786471 JW786469:JW786471 TS786469:TS786471 ADO786469:ADO786471 ANK786469:ANK786471 AXG786469:AXG786471 BHC786469:BHC786471 BQY786469:BQY786471 CAU786469:CAU786471 CKQ786469:CKQ786471 CUM786469:CUM786471 DEI786469:DEI786471 DOE786469:DOE786471 DYA786469:DYA786471 EHW786469:EHW786471 ERS786469:ERS786471 FBO786469:FBO786471 FLK786469:FLK786471 FVG786469:FVG786471 GFC786469:GFC786471 GOY786469:GOY786471 GYU786469:GYU786471 HIQ786469:HIQ786471 HSM786469:HSM786471 ICI786469:ICI786471 IME786469:IME786471 IWA786469:IWA786471 JFW786469:JFW786471 JPS786469:JPS786471 JZO786469:JZO786471 KJK786469:KJK786471 KTG786469:KTG786471 LDC786469:LDC786471 LMY786469:LMY786471 LWU786469:LWU786471 MGQ786469:MGQ786471 MQM786469:MQM786471 NAI786469:NAI786471 NKE786469:NKE786471 NUA786469:NUA786471 ODW786469:ODW786471 ONS786469:ONS786471 OXO786469:OXO786471 PHK786469:PHK786471 PRG786469:PRG786471 QBC786469:QBC786471 QKY786469:QKY786471 QUU786469:QUU786471 REQ786469:REQ786471 ROM786469:ROM786471 RYI786469:RYI786471 SIE786469:SIE786471 SSA786469:SSA786471 TBW786469:TBW786471 TLS786469:TLS786471 TVO786469:TVO786471 UFK786469:UFK786471 UPG786469:UPG786471 UZC786469:UZC786471 VIY786469:VIY786471 VSU786469:VSU786471 WCQ786469:WCQ786471 WMM786469:WMM786471 WWI786469:WWI786471 AA852005:AA852007 JW852005:JW852007 TS852005:TS852007 ADO852005:ADO852007 ANK852005:ANK852007 AXG852005:AXG852007 BHC852005:BHC852007 BQY852005:BQY852007 CAU852005:CAU852007 CKQ852005:CKQ852007 CUM852005:CUM852007 DEI852005:DEI852007 DOE852005:DOE852007 DYA852005:DYA852007 EHW852005:EHW852007 ERS852005:ERS852007 FBO852005:FBO852007 FLK852005:FLK852007 FVG852005:FVG852007 GFC852005:GFC852007 GOY852005:GOY852007 GYU852005:GYU852007 HIQ852005:HIQ852007 HSM852005:HSM852007 ICI852005:ICI852007 IME852005:IME852007 IWA852005:IWA852007 JFW852005:JFW852007 JPS852005:JPS852007 JZO852005:JZO852007 KJK852005:KJK852007 KTG852005:KTG852007 LDC852005:LDC852007 LMY852005:LMY852007 LWU852005:LWU852007 MGQ852005:MGQ852007 MQM852005:MQM852007 NAI852005:NAI852007 NKE852005:NKE852007 NUA852005:NUA852007 ODW852005:ODW852007 ONS852005:ONS852007 OXO852005:OXO852007 PHK852005:PHK852007 PRG852005:PRG852007 QBC852005:QBC852007 QKY852005:QKY852007 QUU852005:QUU852007 REQ852005:REQ852007 ROM852005:ROM852007 RYI852005:RYI852007 SIE852005:SIE852007 SSA852005:SSA852007 TBW852005:TBW852007 TLS852005:TLS852007 TVO852005:TVO852007 UFK852005:UFK852007 UPG852005:UPG852007 UZC852005:UZC852007 VIY852005:VIY852007 VSU852005:VSU852007 WCQ852005:WCQ852007 WMM852005:WMM852007 WWI852005:WWI852007 AA917541:AA917543 JW917541:JW917543 TS917541:TS917543 ADO917541:ADO917543 ANK917541:ANK917543 AXG917541:AXG917543 BHC917541:BHC917543 BQY917541:BQY917543 CAU917541:CAU917543 CKQ917541:CKQ917543 CUM917541:CUM917543 DEI917541:DEI917543 DOE917541:DOE917543 DYA917541:DYA917543 EHW917541:EHW917543 ERS917541:ERS917543 FBO917541:FBO917543 FLK917541:FLK917543 FVG917541:FVG917543 GFC917541:GFC917543 GOY917541:GOY917543 GYU917541:GYU917543 HIQ917541:HIQ917543 HSM917541:HSM917543 ICI917541:ICI917543 IME917541:IME917543 IWA917541:IWA917543 JFW917541:JFW917543 JPS917541:JPS917543 JZO917541:JZO917543 KJK917541:KJK917543 KTG917541:KTG917543 LDC917541:LDC917543 LMY917541:LMY917543 LWU917541:LWU917543 MGQ917541:MGQ917543 MQM917541:MQM917543 NAI917541:NAI917543 NKE917541:NKE917543 NUA917541:NUA917543 ODW917541:ODW917543 ONS917541:ONS917543 OXO917541:OXO917543 PHK917541:PHK917543 PRG917541:PRG917543 QBC917541:QBC917543 QKY917541:QKY917543 QUU917541:QUU917543 REQ917541:REQ917543 ROM917541:ROM917543 RYI917541:RYI917543 SIE917541:SIE917543 SSA917541:SSA917543 TBW917541:TBW917543 TLS917541:TLS917543 TVO917541:TVO917543 UFK917541:UFK917543 UPG917541:UPG917543 UZC917541:UZC917543 VIY917541:VIY917543 VSU917541:VSU917543 WCQ917541:WCQ917543 WMM917541:WMM917543 WWI917541:WWI917543 AA983077:AA983079 JW983077:JW983079 TS983077:TS983079 ADO983077:ADO983079 ANK983077:ANK983079 AXG983077:AXG983079 BHC983077:BHC983079 BQY983077:BQY983079 CAU983077:CAU983079 CKQ983077:CKQ983079 CUM983077:CUM983079 DEI983077:DEI983079 DOE983077:DOE983079 DYA983077:DYA983079 EHW983077:EHW983079 ERS983077:ERS983079 FBO983077:FBO983079 FLK983077:FLK983079 FVG983077:FVG983079 GFC983077:GFC983079 GOY983077:GOY983079 GYU983077:GYU983079 HIQ983077:HIQ983079 HSM983077:HSM983079 ICI983077:ICI983079 IME983077:IME983079 IWA983077:IWA983079 JFW983077:JFW983079 JPS983077:JPS983079 JZO983077:JZO983079 KJK983077:KJK983079 KTG983077:KTG983079 LDC983077:LDC983079 LMY983077:LMY983079 LWU983077:LWU983079 MGQ983077:MGQ983079 MQM983077:MQM983079 NAI983077:NAI983079 NKE983077:NKE983079 NUA983077:NUA983079 ODW983077:ODW983079 ONS983077:ONS983079 OXO983077:OXO983079 PHK983077:PHK983079 PRG983077:PRG983079 QBC983077:QBC983079 QKY983077:QKY983079 QUU983077:QUU983079 REQ983077:REQ983079 ROM983077:ROM983079 RYI983077:RYI983079 SIE983077:SIE983079 SSA983077:SSA983079 TBW983077:TBW983079 TLS983077:TLS983079 TVO983077:TVO983079 UFK983077:UFK983079 UPG983077:UPG983079 UZC983077:UZC983079 VIY983077:VIY983079 VSU983077:VSU983079 WCQ983077:WCQ983079 WMM983077:WMM983079 WWI983077:WWI983079 Y60 JU60 TQ60 ADM60 ANI60 AXE60 BHA60 BQW60 CAS60 CKO60 CUK60 DEG60 DOC60 DXY60 EHU60 ERQ60 FBM60 FLI60 FVE60 GFA60 GOW60 GYS60 HIO60 HSK60 ICG60 IMC60 IVY60 JFU60 JPQ60 JZM60 KJI60 KTE60 LDA60 LMW60 LWS60 MGO60 MQK60 NAG60 NKC60 NTY60 ODU60 ONQ60 OXM60 PHI60 PRE60 QBA60 QKW60 QUS60 REO60 ROK60 RYG60 SIC60 SRY60 TBU60 TLQ60 TVM60 UFI60 UPE60 UZA60 VIW60 VSS60 WCO60 WMK60 WWG60 Y65597 JU65597 TQ65597 ADM65597 ANI65597 AXE65597 BHA65597 BQW65597 CAS65597 CKO65597 CUK65597 DEG65597 DOC65597 DXY65597 EHU65597 ERQ65597 FBM65597 FLI65597 FVE65597 GFA65597 GOW65597 GYS65597 HIO65597 HSK65597 ICG65597 IMC65597 IVY65597 JFU65597 JPQ65597 JZM65597 KJI65597 KTE65597 LDA65597 LMW65597 LWS65597 MGO65597 MQK65597 NAG65597 NKC65597 NTY65597 ODU65597 ONQ65597 OXM65597 PHI65597 PRE65597 QBA65597 QKW65597 QUS65597 REO65597 ROK65597 RYG65597 SIC65597 SRY65597 TBU65597 TLQ65597 TVM65597 UFI65597 UPE65597 UZA65597 VIW65597 VSS65597 WCO65597 WMK65597 WWG65597 Y131133 JU131133 TQ131133 ADM131133 ANI131133 AXE131133 BHA131133 BQW131133 CAS131133 CKO131133 CUK131133 DEG131133 DOC131133 DXY131133 EHU131133 ERQ131133 FBM131133 FLI131133 FVE131133 GFA131133 GOW131133 GYS131133 HIO131133 HSK131133 ICG131133 IMC131133 IVY131133 JFU131133 JPQ131133 JZM131133 KJI131133 KTE131133 LDA131133 LMW131133 LWS131133 MGO131133 MQK131133 NAG131133 NKC131133 NTY131133 ODU131133 ONQ131133 OXM131133 PHI131133 PRE131133 QBA131133 QKW131133 QUS131133 REO131133 ROK131133 RYG131133 SIC131133 SRY131133 TBU131133 TLQ131133 TVM131133 UFI131133 UPE131133 UZA131133 VIW131133 VSS131133 WCO131133 WMK131133 WWG131133 Y196669 JU196669 TQ196669 ADM196669 ANI196669 AXE196669 BHA196669 BQW196669 CAS196669 CKO196669 CUK196669 DEG196669 DOC196669 DXY196669 EHU196669 ERQ196669 FBM196669 FLI196669 FVE196669 GFA196669 GOW196669 GYS196669 HIO196669 HSK196669 ICG196669 IMC196669 IVY196669 JFU196669 JPQ196669 JZM196669 KJI196669 KTE196669 LDA196669 LMW196669 LWS196669 MGO196669 MQK196669 NAG196669 NKC196669 NTY196669 ODU196669 ONQ196669 OXM196669 PHI196669 PRE196669 QBA196669 QKW196669 QUS196669 REO196669 ROK196669 RYG196669 SIC196669 SRY196669 TBU196669 TLQ196669 TVM196669 UFI196669 UPE196669 UZA196669 VIW196669 VSS196669 WCO196669 WMK196669 WWG196669 Y262205 JU262205 TQ262205 ADM262205 ANI262205 AXE262205 BHA262205 BQW262205 CAS262205 CKO262205 CUK262205 DEG262205 DOC262205 DXY262205 EHU262205 ERQ262205 FBM262205 FLI262205 FVE262205 GFA262205 GOW262205 GYS262205 HIO262205 HSK262205 ICG262205 IMC262205 IVY262205 JFU262205 JPQ262205 JZM262205 KJI262205 KTE262205 LDA262205 LMW262205 LWS262205 MGO262205 MQK262205 NAG262205 NKC262205 NTY262205 ODU262205 ONQ262205 OXM262205 PHI262205 PRE262205 QBA262205 QKW262205 QUS262205 REO262205 ROK262205 RYG262205 SIC262205 SRY262205 TBU262205 TLQ262205 TVM262205 UFI262205 UPE262205 UZA262205 VIW262205 VSS262205 WCO262205 WMK262205 WWG262205 Y327741 JU327741 TQ327741 ADM327741 ANI327741 AXE327741 BHA327741 BQW327741 CAS327741 CKO327741 CUK327741 DEG327741 DOC327741 DXY327741 EHU327741 ERQ327741 FBM327741 FLI327741 FVE327741 GFA327741 GOW327741 GYS327741 HIO327741 HSK327741 ICG327741 IMC327741 IVY327741 JFU327741 JPQ327741 JZM327741 KJI327741 KTE327741 LDA327741 LMW327741 LWS327741 MGO327741 MQK327741 NAG327741 NKC327741 NTY327741 ODU327741 ONQ327741 OXM327741 PHI327741 PRE327741 QBA327741 QKW327741 QUS327741 REO327741 ROK327741 RYG327741 SIC327741 SRY327741 TBU327741 TLQ327741 TVM327741 UFI327741 UPE327741 UZA327741 VIW327741 VSS327741 WCO327741 WMK327741 WWG327741 Y393277 JU393277 TQ393277 ADM393277 ANI393277 AXE393277 BHA393277 BQW393277 CAS393277 CKO393277 CUK393277 DEG393277 DOC393277 DXY393277 EHU393277 ERQ393277 FBM393277 FLI393277 FVE393277 GFA393277 GOW393277 GYS393277 HIO393277 HSK393277 ICG393277 IMC393277 IVY393277 JFU393277 JPQ393277 JZM393277 KJI393277 KTE393277 LDA393277 LMW393277 LWS393277 MGO393277 MQK393277 NAG393277 NKC393277 NTY393277 ODU393277 ONQ393277 OXM393277 PHI393277 PRE393277 QBA393277 QKW393277 QUS393277 REO393277 ROK393277 RYG393277 SIC393277 SRY393277 TBU393277 TLQ393277 TVM393277 UFI393277 UPE393277 UZA393277 VIW393277 VSS393277 WCO393277 WMK393277 WWG393277 Y458813 JU458813 TQ458813 ADM458813 ANI458813 AXE458813 BHA458813 BQW458813 CAS458813 CKO458813 CUK458813 DEG458813 DOC458813 DXY458813 EHU458813 ERQ458813 FBM458813 FLI458813 FVE458813 GFA458813 GOW458813 GYS458813 HIO458813 HSK458813 ICG458813 IMC458813 IVY458813 JFU458813 JPQ458813 JZM458813 KJI458813 KTE458813 LDA458813 LMW458813 LWS458813 MGO458813 MQK458813 NAG458813 NKC458813 NTY458813 ODU458813 ONQ458813 OXM458813 PHI458813 PRE458813 QBA458813 QKW458813 QUS458813 REO458813 ROK458813 RYG458813 SIC458813 SRY458813 TBU458813 TLQ458813 TVM458813 UFI458813 UPE458813 UZA458813 VIW458813 VSS458813 WCO458813 WMK458813 WWG458813 Y524349 JU524349 TQ524349 ADM524349 ANI524349 AXE524349 BHA524349 BQW524349 CAS524349 CKO524349 CUK524349 DEG524349 DOC524349 DXY524349 EHU524349 ERQ524349 FBM524349 FLI524349 FVE524349 GFA524349 GOW524349 GYS524349 HIO524349 HSK524349 ICG524349 IMC524349 IVY524349 JFU524349 JPQ524349 JZM524349 KJI524349 KTE524349 LDA524349 LMW524349 LWS524349 MGO524349 MQK524349 NAG524349 NKC524349 NTY524349 ODU524349 ONQ524349 OXM524349 PHI524349 PRE524349 QBA524349 QKW524349 QUS524349 REO524349 ROK524349 RYG524349 SIC524349 SRY524349 TBU524349 TLQ524349 TVM524349 UFI524349 UPE524349 UZA524349 VIW524349 VSS524349 WCO524349 WMK524349 WWG524349 Y589885 JU589885 TQ589885 ADM589885 ANI589885 AXE589885 BHA589885 BQW589885 CAS589885 CKO589885 CUK589885 DEG589885 DOC589885 DXY589885 EHU589885 ERQ589885 FBM589885 FLI589885 FVE589885 GFA589885 GOW589885 GYS589885 HIO589885 HSK589885 ICG589885 IMC589885 IVY589885 JFU589885 JPQ589885 JZM589885 KJI589885 KTE589885 LDA589885 LMW589885 LWS589885 MGO589885 MQK589885 NAG589885 NKC589885 NTY589885 ODU589885 ONQ589885 OXM589885 PHI589885 PRE589885 QBA589885 QKW589885 QUS589885 REO589885 ROK589885 RYG589885 SIC589885 SRY589885 TBU589885 TLQ589885 TVM589885 UFI589885 UPE589885 UZA589885 VIW589885 VSS589885 WCO589885 WMK589885 WWG589885 Y655421 JU655421 TQ655421 ADM655421 ANI655421 AXE655421 BHA655421 BQW655421 CAS655421 CKO655421 CUK655421 DEG655421 DOC655421 DXY655421 EHU655421 ERQ655421 FBM655421 FLI655421 FVE655421 GFA655421 GOW655421 GYS655421 HIO655421 HSK655421 ICG655421 IMC655421 IVY655421 JFU655421 JPQ655421 JZM655421 KJI655421 KTE655421 LDA655421 LMW655421 LWS655421 MGO655421 MQK655421 NAG655421 NKC655421 NTY655421 ODU655421 ONQ655421 OXM655421 PHI655421 PRE655421 QBA655421 QKW655421 QUS655421 REO655421 ROK655421 RYG655421 SIC655421 SRY655421 TBU655421 TLQ655421 TVM655421 UFI655421 UPE655421 UZA655421 VIW655421 VSS655421 WCO655421 WMK655421 WWG655421 Y720957 JU720957 TQ720957 ADM720957 ANI720957 AXE720957 BHA720957 BQW720957 CAS720957 CKO720957 CUK720957 DEG720957 DOC720957 DXY720957 EHU720957 ERQ720957 FBM720957 FLI720957 FVE720957 GFA720957 GOW720957 GYS720957 HIO720957 HSK720957 ICG720957 IMC720957 IVY720957 JFU720957 JPQ720957 JZM720957 KJI720957 KTE720957 LDA720957 LMW720957 LWS720957 MGO720957 MQK720957 NAG720957 NKC720957 NTY720957 ODU720957 ONQ720957 OXM720957 PHI720957 PRE720957 QBA720957 QKW720957 QUS720957 REO720957 ROK720957 RYG720957 SIC720957 SRY720957 TBU720957 TLQ720957 TVM720957 UFI720957 UPE720957 UZA720957 VIW720957 VSS720957 WCO720957 WMK720957 WWG720957 Y786493 JU786493 TQ786493 ADM786493 ANI786493 AXE786493 BHA786493 BQW786493 CAS786493 CKO786493 CUK786493 DEG786493 DOC786493 DXY786493 EHU786493 ERQ786493 FBM786493 FLI786493 FVE786493 GFA786493 GOW786493 GYS786493 HIO786493 HSK786493 ICG786493 IMC786493 IVY786493 JFU786493 JPQ786493 JZM786493 KJI786493 KTE786493 LDA786493 LMW786493 LWS786493 MGO786493 MQK786493 NAG786493 NKC786493 NTY786493 ODU786493 ONQ786493 OXM786493 PHI786493 PRE786493 QBA786493 QKW786493 QUS786493 REO786493 ROK786493 RYG786493 SIC786493 SRY786493 TBU786493 TLQ786493 TVM786493 UFI786493 UPE786493 UZA786493 VIW786493 VSS786493 WCO786493 WMK786493 WWG786493 Y852029 JU852029 TQ852029 ADM852029 ANI852029 AXE852029 BHA852029 BQW852029 CAS852029 CKO852029 CUK852029 DEG852029 DOC852029 DXY852029 EHU852029 ERQ852029 FBM852029 FLI852029 FVE852029 GFA852029 GOW852029 GYS852029 HIO852029 HSK852029 ICG852029 IMC852029 IVY852029 JFU852029 JPQ852029 JZM852029 KJI852029 KTE852029 LDA852029 LMW852029 LWS852029 MGO852029 MQK852029 NAG852029 NKC852029 NTY852029 ODU852029 ONQ852029 OXM852029 PHI852029 PRE852029 QBA852029 QKW852029 QUS852029 REO852029 ROK852029 RYG852029 SIC852029 SRY852029 TBU852029 TLQ852029 TVM852029 UFI852029 UPE852029 UZA852029 VIW852029 VSS852029 WCO852029 WMK852029 WWG852029 Y917565 JU917565 TQ917565 ADM917565 ANI917565 AXE917565 BHA917565 BQW917565 CAS917565 CKO917565 CUK917565 DEG917565 DOC917565 DXY917565 EHU917565 ERQ917565 FBM917565 FLI917565 FVE917565 GFA917565 GOW917565 GYS917565 HIO917565 HSK917565 ICG917565 IMC917565 IVY917565 JFU917565 JPQ917565 JZM917565 KJI917565 KTE917565 LDA917565 LMW917565 LWS917565 MGO917565 MQK917565 NAG917565 NKC917565 NTY917565 ODU917565 ONQ917565 OXM917565 PHI917565 PRE917565 QBA917565 QKW917565 QUS917565 REO917565 ROK917565 RYG917565 SIC917565 SRY917565 TBU917565 TLQ917565 TVM917565 UFI917565 UPE917565 UZA917565 VIW917565 VSS917565 WCO917565 WMK917565 WWG917565 Y983101 JU983101 TQ983101 ADM983101 ANI983101 AXE983101 BHA983101 BQW983101 CAS983101 CKO983101 CUK983101 DEG983101 DOC983101 DXY983101 EHU983101 ERQ983101 FBM983101 FLI983101 FVE983101 GFA983101 GOW983101 GYS983101 HIO983101 HSK983101 ICG983101 IMC983101 IVY983101 JFU983101 JPQ983101 JZM983101 KJI983101 KTE983101 LDA983101 LMW983101 LWS983101 MGO983101 MQK983101 NAG983101 NKC983101 NTY983101 ODU983101 ONQ983101 OXM983101 PHI983101 PRE983101 QBA983101 QKW983101 QUS983101 REO983101 ROK983101 RYG983101 SIC983101 SRY983101 TBU983101 TLQ983101 TVM983101 UFI983101 UPE983101 UZA983101 VIW983101 VSS983101 WCO983101 WMK983101 WWG983101 AA60 JW60 TS60 ADO60 ANK60 AXG60 BHC60 BQY60 CAU60 CKQ60 CUM60 DEI60 DOE60 DYA60 EHW60 ERS60 FBO60 FLK60 FVG60 GFC60 GOY60 GYU60 HIQ60 HSM60 ICI60 IME60 IWA60 JFW60 JPS60 JZO60 KJK60 KTG60 LDC60 LMY60 LWU60 MGQ60 MQM60 NAI60 NKE60 NUA60 ODW60 ONS60 OXO60 PHK60 PRG60 QBC60 QKY60 QUU60 REQ60 ROM60 RYI60 SIE60 SSA60 TBW60 TLS60 TVO60 UFK60 UPG60 UZC60 VIY60 VSU60 WCQ60 WMM60 WWI60 AA65597 JW65597 TS65597 ADO65597 ANK65597 AXG65597 BHC65597 BQY65597 CAU65597 CKQ65597 CUM65597 DEI65597 DOE65597 DYA65597 EHW65597 ERS65597 FBO65597 FLK65597 FVG65597 GFC65597 GOY65597 GYU65597 HIQ65597 HSM65597 ICI65597 IME65597 IWA65597 JFW65597 JPS65597 JZO65597 KJK65597 KTG65597 LDC65597 LMY65597 LWU65597 MGQ65597 MQM65597 NAI65597 NKE65597 NUA65597 ODW65597 ONS65597 OXO65597 PHK65597 PRG65597 QBC65597 QKY65597 QUU65597 REQ65597 ROM65597 RYI65597 SIE65597 SSA65597 TBW65597 TLS65597 TVO65597 UFK65597 UPG65597 UZC65597 VIY65597 VSU65597 WCQ65597 WMM65597 WWI65597 AA131133 JW131133 TS131133 ADO131133 ANK131133 AXG131133 BHC131133 BQY131133 CAU131133 CKQ131133 CUM131133 DEI131133 DOE131133 DYA131133 EHW131133 ERS131133 FBO131133 FLK131133 FVG131133 GFC131133 GOY131133 GYU131133 HIQ131133 HSM131133 ICI131133 IME131133 IWA131133 JFW131133 JPS131133 JZO131133 KJK131133 KTG131133 LDC131133 LMY131133 LWU131133 MGQ131133 MQM131133 NAI131133 NKE131133 NUA131133 ODW131133 ONS131133 OXO131133 PHK131133 PRG131133 QBC131133 QKY131133 QUU131133 REQ131133 ROM131133 RYI131133 SIE131133 SSA131133 TBW131133 TLS131133 TVO131133 UFK131133 UPG131133 UZC131133 VIY131133 VSU131133 WCQ131133 WMM131133 WWI131133 AA196669 JW196669 TS196669 ADO196669 ANK196669 AXG196669 BHC196669 BQY196669 CAU196669 CKQ196669 CUM196669 DEI196669 DOE196669 DYA196669 EHW196669 ERS196669 FBO196669 FLK196669 FVG196669 GFC196669 GOY196669 GYU196669 HIQ196669 HSM196669 ICI196669 IME196669 IWA196669 JFW196669 JPS196669 JZO196669 KJK196669 KTG196669 LDC196669 LMY196669 LWU196669 MGQ196669 MQM196669 NAI196669 NKE196669 NUA196669 ODW196669 ONS196669 OXO196669 PHK196669 PRG196669 QBC196669 QKY196669 QUU196669 REQ196669 ROM196669 RYI196669 SIE196669 SSA196669 TBW196669 TLS196669 TVO196669 UFK196669 UPG196669 UZC196669 VIY196669 VSU196669 WCQ196669 WMM196669 WWI196669 AA262205 JW262205 TS262205 ADO262205 ANK262205 AXG262205 BHC262205 BQY262205 CAU262205 CKQ262205 CUM262205 DEI262205 DOE262205 DYA262205 EHW262205 ERS262205 FBO262205 FLK262205 FVG262205 GFC262205 GOY262205 GYU262205 HIQ262205 HSM262205 ICI262205 IME262205 IWA262205 JFW262205 JPS262205 JZO262205 KJK262205 KTG262205 LDC262205 LMY262205 LWU262205 MGQ262205 MQM262205 NAI262205 NKE262205 NUA262205 ODW262205 ONS262205 OXO262205 PHK262205 PRG262205 QBC262205 QKY262205 QUU262205 REQ262205 ROM262205 RYI262205 SIE262205 SSA262205 TBW262205 TLS262205 TVO262205 UFK262205 UPG262205 UZC262205 VIY262205 VSU262205 WCQ262205 WMM262205 WWI262205 AA327741 JW327741 TS327741 ADO327741 ANK327741 AXG327741 BHC327741 BQY327741 CAU327741 CKQ327741 CUM327741 DEI327741 DOE327741 DYA327741 EHW327741 ERS327741 FBO327741 FLK327741 FVG327741 GFC327741 GOY327741 GYU327741 HIQ327741 HSM327741 ICI327741 IME327741 IWA327741 JFW327741 JPS327741 JZO327741 KJK327741 KTG327741 LDC327741 LMY327741 LWU327741 MGQ327741 MQM327741 NAI327741 NKE327741 NUA327741 ODW327741 ONS327741 OXO327741 PHK327741 PRG327741 QBC327741 QKY327741 QUU327741 REQ327741 ROM327741 RYI327741 SIE327741 SSA327741 TBW327741 TLS327741 TVO327741 UFK327741 UPG327741 UZC327741 VIY327741 VSU327741 WCQ327741 WMM327741 WWI327741 AA393277 JW393277 TS393277 ADO393277 ANK393277 AXG393277 BHC393277 BQY393277 CAU393277 CKQ393277 CUM393277 DEI393277 DOE393277 DYA393277 EHW393277 ERS393277 FBO393277 FLK393277 FVG393277 GFC393277 GOY393277 GYU393277 HIQ393277 HSM393277 ICI393277 IME393277 IWA393277 JFW393277 JPS393277 JZO393277 KJK393277 KTG393277 LDC393277 LMY393277 LWU393277 MGQ393277 MQM393277 NAI393277 NKE393277 NUA393277 ODW393277 ONS393277 OXO393277 PHK393277 PRG393277 QBC393277 QKY393277 QUU393277 REQ393277 ROM393277 RYI393277 SIE393277 SSA393277 TBW393277 TLS393277 TVO393277 UFK393277 UPG393277 UZC393277 VIY393277 VSU393277 WCQ393277 WMM393277 WWI393277 AA458813 JW458813 TS458813 ADO458813 ANK458813 AXG458813 BHC458813 BQY458813 CAU458813 CKQ458813 CUM458813 DEI458813 DOE458813 DYA458813 EHW458813 ERS458813 FBO458813 FLK458813 FVG458813 GFC458813 GOY458813 GYU458813 HIQ458813 HSM458813 ICI458813 IME458813 IWA458813 JFW458813 JPS458813 JZO458813 KJK458813 KTG458813 LDC458813 LMY458813 LWU458813 MGQ458813 MQM458813 NAI458813 NKE458813 NUA458813 ODW458813 ONS458813 OXO458813 PHK458813 PRG458813 QBC458813 QKY458813 QUU458813 REQ458813 ROM458813 RYI458813 SIE458813 SSA458813 TBW458813 TLS458813 TVO458813 UFK458813 UPG458813 UZC458813 VIY458813 VSU458813 WCQ458813 WMM458813 WWI458813 AA524349 JW524349 TS524349 ADO524349 ANK524349 AXG524349 BHC524349 BQY524349 CAU524349 CKQ524349 CUM524349 DEI524349 DOE524349 DYA524349 EHW524349 ERS524349 FBO524349 FLK524349 FVG524349 GFC524349 GOY524349 GYU524349 HIQ524349 HSM524349 ICI524349 IME524349 IWA524349 JFW524349 JPS524349 JZO524349 KJK524349 KTG524349 LDC524349 LMY524349 LWU524349 MGQ524349 MQM524349 NAI524349 NKE524349 NUA524349 ODW524349 ONS524349 OXO524349 PHK524349 PRG524349 QBC524349 QKY524349 QUU524349 REQ524349 ROM524349 RYI524349 SIE524349 SSA524349 TBW524349 TLS524349 TVO524349 UFK524349 UPG524349 UZC524349 VIY524349 VSU524349 WCQ524349 WMM524349 WWI524349 AA589885 JW589885 TS589885 ADO589885 ANK589885 AXG589885 BHC589885 BQY589885 CAU589885 CKQ589885 CUM589885 DEI589885 DOE589885 DYA589885 EHW589885 ERS589885 FBO589885 FLK589885 FVG589885 GFC589885 GOY589885 GYU589885 HIQ589885 HSM589885 ICI589885 IME589885 IWA589885 JFW589885 JPS589885 JZO589885 KJK589885 KTG589885 LDC589885 LMY589885 LWU589885 MGQ589885 MQM589885 NAI589885 NKE589885 NUA589885 ODW589885 ONS589885 OXO589885 PHK589885 PRG589885 QBC589885 QKY589885 QUU589885 REQ589885 ROM589885 RYI589885 SIE589885 SSA589885 TBW589885 TLS589885 TVO589885 UFK589885 UPG589885 UZC589885 VIY589885 VSU589885 WCQ589885 WMM589885 WWI589885 AA655421 JW655421 TS655421 ADO655421 ANK655421 AXG655421 BHC655421 BQY655421 CAU655421 CKQ655421 CUM655421 DEI655421 DOE655421 DYA655421 EHW655421 ERS655421 FBO655421 FLK655421 FVG655421 GFC655421 GOY655421 GYU655421 HIQ655421 HSM655421 ICI655421 IME655421 IWA655421 JFW655421 JPS655421 JZO655421 KJK655421 KTG655421 LDC655421 LMY655421 LWU655421 MGQ655421 MQM655421 NAI655421 NKE655421 NUA655421 ODW655421 ONS655421 OXO655421 PHK655421 PRG655421 QBC655421 QKY655421 QUU655421 REQ655421 ROM655421 RYI655421 SIE655421 SSA655421 TBW655421 TLS655421 TVO655421 UFK655421 UPG655421 UZC655421 VIY655421 VSU655421 WCQ655421 WMM655421 WWI655421 AA720957 JW720957 TS720957 ADO720957 ANK720957 AXG720957 BHC720957 BQY720957 CAU720957 CKQ720957 CUM720957 DEI720957 DOE720957 DYA720957 EHW720957 ERS720957 FBO720957 FLK720957 FVG720957 GFC720957 GOY720957 GYU720957 HIQ720957 HSM720957 ICI720957 IME720957 IWA720957 JFW720957 JPS720957 JZO720957 KJK720957 KTG720957 LDC720957 LMY720957 LWU720957 MGQ720957 MQM720957 NAI720957 NKE720957 NUA720957 ODW720957 ONS720957 OXO720957 PHK720957 PRG720957 QBC720957 QKY720957 QUU720957 REQ720957 ROM720957 RYI720957 SIE720957 SSA720957 TBW720957 TLS720957 TVO720957 UFK720957 UPG720957 UZC720957 VIY720957 VSU720957 WCQ720957 WMM720957 WWI720957 AA786493 JW786493 TS786493 ADO786493 ANK786493 AXG786493 BHC786493 BQY786493 CAU786493 CKQ786493 CUM786493 DEI786493 DOE786493 DYA786493 EHW786493 ERS786493 FBO786493 FLK786493 FVG786493 GFC786493 GOY786493 GYU786493 HIQ786493 HSM786493 ICI786493 IME786493 IWA786493 JFW786493 JPS786493 JZO786493 KJK786493 KTG786493 LDC786493 LMY786493 LWU786493 MGQ786493 MQM786493 NAI786493 NKE786493 NUA786493 ODW786493 ONS786493 OXO786493 PHK786493 PRG786493 QBC786493 QKY786493 QUU786493 REQ786493 ROM786493 RYI786493 SIE786493 SSA786493 TBW786493 TLS786493 TVO786493 UFK786493 UPG786493 UZC786493 VIY786493 VSU786493 WCQ786493 WMM786493 WWI786493 AA852029 JW852029 TS852029 ADO852029 ANK852029 AXG852029 BHC852029 BQY852029 CAU852029 CKQ852029 CUM852029 DEI852029 DOE852029 DYA852029 EHW852029 ERS852029 FBO852029 FLK852029 FVG852029 GFC852029 GOY852029 GYU852029 HIQ852029 HSM852029 ICI852029 IME852029 IWA852029 JFW852029 JPS852029 JZO852029 KJK852029 KTG852029 LDC852029 LMY852029 LWU852029 MGQ852029 MQM852029 NAI852029 NKE852029 NUA852029 ODW852029 ONS852029 OXO852029 PHK852029 PRG852029 QBC852029 QKY852029 QUU852029 REQ852029 ROM852029 RYI852029 SIE852029 SSA852029 TBW852029 TLS852029 TVO852029 UFK852029 UPG852029 UZC852029 VIY852029 VSU852029 WCQ852029 WMM852029 WWI852029 AA917565 JW917565 TS917565 ADO917565 ANK917565 AXG917565 BHC917565 BQY917565 CAU917565 CKQ917565 CUM917565 DEI917565 DOE917565 DYA917565 EHW917565 ERS917565 FBO917565 FLK917565 FVG917565 GFC917565 GOY917565 GYU917565 HIQ917565 HSM917565 ICI917565 IME917565 IWA917565 JFW917565 JPS917565 JZO917565 KJK917565 KTG917565 LDC917565 LMY917565 LWU917565 MGQ917565 MQM917565 NAI917565 NKE917565 NUA917565 ODW917565 ONS917565 OXO917565 PHK917565 PRG917565 QBC917565 QKY917565 QUU917565 REQ917565 ROM917565 RYI917565 SIE917565 SSA917565 TBW917565 TLS917565 TVO917565 UFK917565 UPG917565 UZC917565 VIY917565 VSU917565 WCQ917565 WMM917565 WWI917565 AA983101 JW983101 TS983101 ADO983101 ANK983101 AXG983101 BHC983101 BQY983101 CAU983101 CKQ983101 CUM983101 DEI983101 DOE983101 DYA983101 EHW983101 ERS983101 FBO983101 FLK983101 FVG983101 GFC983101 GOY983101 GYU983101 HIQ983101 HSM983101 ICI983101 IME983101 IWA983101 JFW983101 JPS983101 JZO983101 KJK983101 KTG983101 LDC983101 LMY983101 LWU983101 MGQ983101 MQM983101 NAI983101 NKE983101 NUA983101 ODW983101 ONS983101 OXO983101 PHK983101 PRG983101 QBC983101 QKY983101 QUU983101 REQ983101 ROM983101 RYI983101 SIE983101 SSA983101 TBW983101 TLS983101 TVO983101 UFK983101 UPG983101 UZC983101 VIY983101 VSU983101 WCQ983101 WMM983101 WWI983101 Y62:Y63 JU62:JU63 TQ62:TQ63 ADM62:ADM63 ANI62:ANI63 AXE62:AXE63 BHA62:BHA63 BQW62:BQW63 CAS62:CAS63 CKO62:CKO63 CUK62:CUK63 DEG62:DEG63 DOC62:DOC63 DXY62:DXY63 EHU62:EHU63 ERQ62:ERQ63 FBM62:FBM63 FLI62:FLI63 FVE62:FVE63 GFA62:GFA63 GOW62:GOW63 GYS62:GYS63 HIO62:HIO63 HSK62:HSK63 ICG62:ICG63 IMC62:IMC63 IVY62:IVY63 JFU62:JFU63 JPQ62:JPQ63 JZM62:JZM63 KJI62:KJI63 KTE62:KTE63 LDA62:LDA63 LMW62:LMW63 LWS62:LWS63 MGO62:MGO63 MQK62:MQK63 NAG62:NAG63 NKC62:NKC63 NTY62:NTY63 ODU62:ODU63 ONQ62:ONQ63 OXM62:OXM63 PHI62:PHI63 PRE62:PRE63 QBA62:QBA63 QKW62:QKW63 QUS62:QUS63 REO62:REO63 ROK62:ROK63 RYG62:RYG63 SIC62:SIC63 SRY62:SRY63 TBU62:TBU63 TLQ62:TLQ63 TVM62:TVM63 UFI62:UFI63 UPE62:UPE63 UZA62:UZA63 VIW62:VIW63 VSS62:VSS63 WCO62:WCO63 WMK62:WMK63 WWG62:WWG63 Y65599 JU65599 TQ65599 ADM65599 ANI65599 AXE65599 BHA65599 BQW65599 CAS65599 CKO65599 CUK65599 DEG65599 DOC65599 DXY65599 EHU65599 ERQ65599 FBM65599 FLI65599 FVE65599 GFA65599 GOW65599 GYS65599 HIO65599 HSK65599 ICG65599 IMC65599 IVY65599 JFU65599 JPQ65599 JZM65599 KJI65599 KTE65599 LDA65599 LMW65599 LWS65599 MGO65599 MQK65599 NAG65599 NKC65599 NTY65599 ODU65599 ONQ65599 OXM65599 PHI65599 PRE65599 QBA65599 QKW65599 QUS65599 REO65599 ROK65599 RYG65599 SIC65599 SRY65599 TBU65599 TLQ65599 TVM65599 UFI65599 UPE65599 UZA65599 VIW65599 VSS65599 WCO65599 WMK65599 WWG65599 Y131135 JU131135 TQ131135 ADM131135 ANI131135 AXE131135 BHA131135 BQW131135 CAS131135 CKO131135 CUK131135 DEG131135 DOC131135 DXY131135 EHU131135 ERQ131135 FBM131135 FLI131135 FVE131135 GFA131135 GOW131135 GYS131135 HIO131135 HSK131135 ICG131135 IMC131135 IVY131135 JFU131135 JPQ131135 JZM131135 KJI131135 KTE131135 LDA131135 LMW131135 LWS131135 MGO131135 MQK131135 NAG131135 NKC131135 NTY131135 ODU131135 ONQ131135 OXM131135 PHI131135 PRE131135 QBA131135 QKW131135 QUS131135 REO131135 ROK131135 RYG131135 SIC131135 SRY131135 TBU131135 TLQ131135 TVM131135 UFI131135 UPE131135 UZA131135 VIW131135 VSS131135 WCO131135 WMK131135 WWG131135 Y196671 JU196671 TQ196671 ADM196671 ANI196671 AXE196671 BHA196671 BQW196671 CAS196671 CKO196671 CUK196671 DEG196671 DOC196671 DXY196671 EHU196671 ERQ196671 FBM196671 FLI196671 FVE196671 GFA196671 GOW196671 GYS196671 HIO196671 HSK196671 ICG196671 IMC196671 IVY196671 JFU196671 JPQ196671 JZM196671 KJI196671 KTE196671 LDA196671 LMW196671 LWS196671 MGO196671 MQK196671 NAG196671 NKC196671 NTY196671 ODU196671 ONQ196671 OXM196671 PHI196671 PRE196671 QBA196671 QKW196671 QUS196671 REO196671 ROK196671 RYG196671 SIC196671 SRY196671 TBU196671 TLQ196671 TVM196671 UFI196671 UPE196671 UZA196671 VIW196671 VSS196671 WCO196671 WMK196671 WWG196671 Y262207 JU262207 TQ262207 ADM262207 ANI262207 AXE262207 BHA262207 BQW262207 CAS262207 CKO262207 CUK262207 DEG262207 DOC262207 DXY262207 EHU262207 ERQ262207 FBM262207 FLI262207 FVE262207 GFA262207 GOW262207 GYS262207 HIO262207 HSK262207 ICG262207 IMC262207 IVY262207 JFU262207 JPQ262207 JZM262207 KJI262207 KTE262207 LDA262207 LMW262207 LWS262207 MGO262207 MQK262207 NAG262207 NKC262207 NTY262207 ODU262207 ONQ262207 OXM262207 PHI262207 PRE262207 QBA262207 QKW262207 QUS262207 REO262207 ROK262207 RYG262207 SIC262207 SRY262207 TBU262207 TLQ262207 TVM262207 UFI262207 UPE262207 UZA262207 VIW262207 VSS262207 WCO262207 WMK262207 WWG262207 Y327743 JU327743 TQ327743 ADM327743 ANI327743 AXE327743 BHA327743 BQW327743 CAS327743 CKO327743 CUK327743 DEG327743 DOC327743 DXY327743 EHU327743 ERQ327743 FBM327743 FLI327743 FVE327743 GFA327743 GOW327743 GYS327743 HIO327743 HSK327743 ICG327743 IMC327743 IVY327743 JFU327743 JPQ327743 JZM327743 KJI327743 KTE327743 LDA327743 LMW327743 LWS327743 MGO327743 MQK327743 NAG327743 NKC327743 NTY327743 ODU327743 ONQ327743 OXM327743 PHI327743 PRE327743 QBA327743 QKW327743 QUS327743 REO327743 ROK327743 RYG327743 SIC327743 SRY327743 TBU327743 TLQ327743 TVM327743 UFI327743 UPE327743 UZA327743 VIW327743 VSS327743 WCO327743 WMK327743 WWG327743 Y393279 JU393279 TQ393279 ADM393279 ANI393279 AXE393279 BHA393279 BQW393279 CAS393279 CKO393279 CUK393279 DEG393279 DOC393279 DXY393279 EHU393279 ERQ393279 FBM393279 FLI393279 FVE393279 GFA393279 GOW393279 GYS393279 HIO393279 HSK393279 ICG393279 IMC393279 IVY393279 JFU393279 JPQ393279 JZM393279 KJI393279 KTE393279 LDA393279 LMW393279 LWS393279 MGO393279 MQK393279 NAG393279 NKC393279 NTY393279 ODU393279 ONQ393279 OXM393279 PHI393279 PRE393279 QBA393279 QKW393279 QUS393279 REO393279 ROK393279 RYG393279 SIC393279 SRY393279 TBU393279 TLQ393279 TVM393279 UFI393279 UPE393279 UZA393279 VIW393279 VSS393279 WCO393279 WMK393279 WWG393279 Y458815 JU458815 TQ458815 ADM458815 ANI458815 AXE458815 BHA458815 BQW458815 CAS458815 CKO458815 CUK458815 DEG458815 DOC458815 DXY458815 EHU458815 ERQ458815 FBM458815 FLI458815 FVE458815 GFA458815 GOW458815 GYS458815 HIO458815 HSK458815 ICG458815 IMC458815 IVY458815 JFU458815 JPQ458815 JZM458815 KJI458815 KTE458815 LDA458815 LMW458815 LWS458815 MGO458815 MQK458815 NAG458815 NKC458815 NTY458815 ODU458815 ONQ458815 OXM458815 PHI458815 PRE458815 QBA458815 QKW458815 QUS458815 REO458815 ROK458815 RYG458815 SIC458815 SRY458815 TBU458815 TLQ458815 TVM458815 UFI458815 UPE458815 UZA458815 VIW458815 VSS458815 WCO458815 WMK458815 WWG458815 Y524351 JU524351 TQ524351 ADM524351 ANI524351 AXE524351 BHA524351 BQW524351 CAS524351 CKO524351 CUK524351 DEG524351 DOC524351 DXY524351 EHU524351 ERQ524351 FBM524351 FLI524351 FVE524351 GFA524351 GOW524351 GYS524351 HIO524351 HSK524351 ICG524351 IMC524351 IVY524351 JFU524351 JPQ524351 JZM524351 KJI524351 KTE524351 LDA524351 LMW524351 LWS524351 MGO524351 MQK524351 NAG524351 NKC524351 NTY524351 ODU524351 ONQ524351 OXM524351 PHI524351 PRE524351 QBA524351 QKW524351 QUS524351 REO524351 ROK524351 RYG524351 SIC524351 SRY524351 TBU524351 TLQ524351 TVM524351 UFI524351 UPE524351 UZA524351 VIW524351 VSS524351 WCO524351 WMK524351 WWG524351 Y589887 JU589887 TQ589887 ADM589887 ANI589887 AXE589887 BHA589887 BQW589887 CAS589887 CKO589887 CUK589887 DEG589887 DOC589887 DXY589887 EHU589887 ERQ589887 FBM589887 FLI589887 FVE589887 GFA589887 GOW589887 GYS589887 HIO589887 HSK589887 ICG589887 IMC589887 IVY589887 JFU589887 JPQ589887 JZM589887 KJI589887 KTE589887 LDA589887 LMW589887 LWS589887 MGO589887 MQK589887 NAG589887 NKC589887 NTY589887 ODU589887 ONQ589887 OXM589887 PHI589887 PRE589887 QBA589887 QKW589887 QUS589887 REO589887 ROK589887 RYG589887 SIC589887 SRY589887 TBU589887 TLQ589887 TVM589887 UFI589887 UPE589887 UZA589887 VIW589887 VSS589887 WCO589887 WMK589887 WWG589887 Y655423 JU655423 TQ655423 ADM655423 ANI655423 AXE655423 BHA655423 BQW655423 CAS655423 CKO655423 CUK655423 DEG655423 DOC655423 DXY655423 EHU655423 ERQ655423 FBM655423 FLI655423 FVE655423 GFA655423 GOW655423 GYS655423 HIO655423 HSK655423 ICG655423 IMC655423 IVY655423 JFU655423 JPQ655423 JZM655423 KJI655423 KTE655423 LDA655423 LMW655423 LWS655423 MGO655423 MQK655423 NAG655423 NKC655423 NTY655423 ODU655423 ONQ655423 OXM655423 PHI655423 PRE655423 QBA655423 QKW655423 QUS655423 REO655423 ROK655423 RYG655423 SIC655423 SRY655423 TBU655423 TLQ655423 TVM655423 UFI655423 UPE655423 UZA655423 VIW655423 VSS655423 WCO655423 WMK655423 WWG655423 Y720959 JU720959 TQ720959 ADM720959 ANI720959 AXE720959 BHA720959 BQW720959 CAS720959 CKO720959 CUK720959 DEG720959 DOC720959 DXY720959 EHU720959 ERQ720959 FBM720959 FLI720959 FVE720959 GFA720959 GOW720959 GYS720959 HIO720959 HSK720959 ICG720959 IMC720959 IVY720959 JFU720959 JPQ720959 JZM720959 KJI720959 KTE720959 LDA720959 LMW720959 LWS720959 MGO720959 MQK720959 NAG720959 NKC720959 NTY720959 ODU720959 ONQ720959 OXM720959 PHI720959 PRE720959 QBA720959 QKW720959 QUS720959 REO720959 ROK720959 RYG720959 SIC720959 SRY720959 TBU720959 TLQ720959 TVM720959 UFI720959 UPE720959 UZA720959 VIW720959 VSS720959 WCO720959 WMK720959 WWG720959 Y786495 JU786495 TQ786495 ADM786495 ANI786495 AXE786495 BHA786495 BQW786495 CAS786495 CKO786495 CUK786495 DEG786495 DOC786495 DXY786495 EHU786495 ERQ786495 FBM786495 FLI786495 FVE786495 GFA786495 GOW786495 GYS786495 HIO786495 HSK786495 ICG786495 IMC786495 IVY786495 JFU786495 JPQ786495 JZM786495 KJI786495 KTE786495 LDA786495 LMW786495 LWS786495 MGO786495 MQK786495 NAG786495 NKC786495 NTY786495 ODU786495 ONQ786495 OXM786495 PHI786495 PRE786495 QBA786495 QKW786495 QUS786495 REO786495 ROK786495 RYG786495 SIC786495 SRY786495 TBU786495 TLQ786495 TVM786495 UFI786495 UPE786495 UZA786495 VIW786495 VSS786495 WCO786495 WMK786495 WWG786495 Y852031 JU852031 TQ852031 ADM852031 ANI852031 AXE852031 BHA852031 BQW852031 CAS852031 CKO852031 CUK852031 DEG852031 DOC852031 DXY852031 EHU852031 ERQ852031 FBM852031 FLI852031 FVE852031 GFA852031 GOW852031 GYS852031 HIO852031 HSK852031 ICG852031 IMC852031 IVY852031 JFU852031 JPQ852031 JZM852031 KJI852031 KTE852031 LDA852031 LMW852031 LWS852031 MGO852031 MQK852031 NAG852031 NKC852031 NTY852031 ODU852031 ONQ852031 OXM852031 PHI852031 PRE852031 QBA852031 QKW852031 QUS852031 REO852031 ROK852031 RYG852031 SIC852031 SRY852031 TBU852031 TLQ852031 TVM852031 UFI852031 UPE852031 UZA852031 VIW852031 VSS852031 WCO852031 WMK852031 WWG852031 Y917567 JU917567 TQ917567 ADM917567 ANI917567 AXE917567 BHA917567 BQW917567 CAS917567 CKO917567 CUK917567 DEG917567 DOC917567 DXY917567 EHU917567 ERQ917567 FBM917567 FLI917567 FVE917567 GFA917567 GOW917567 GYS917567 HIO917567 HSK917567 ICG917567 IMC917567 IVY917567 JFU917567 JPQ917567 JZM917567 KJI917567 KTE917567 LDA917567 LMW917567 LWS917567 MGO917567 MQK917567 NAG917567 NKC917567 NTY917567 ODU917567 ONQ917567 OXM917567 PHI917567 PRE917567 QBA917567 QKW917567 QUS917567 REO917567 ROK917567 RYG917567 SIC917567 SRY917567 TBU917567 TLQ917567 TVM917567 UFI917567 UPE917567 UZA917567 VIW917567 VSS917567 WCO917567 WMK917567 WWG917567 Y983103 JU983103 TQ983103 ADM983103 ANI983103 AXE983103 BHA983103 BQW983103 CAS983103 CKO983103 CUK983103 DEG983103 DOC983103 DXY983103 EHU983103 ERQ983103 FBM983103 FLI983103 FVE983103 GFA983103 GOW983103 GYS983103 HIO983103 HSK983103 ICG983103 IMC983103 IVY983103 JFU983103 JPQ983103 JZM983103 KJI983103 KTE983103 LDA983103 LMW983103 LWS983103 MGO983103 MQK983103 NAG983103 NKC983103 NTY983103 ODU983103 ONQ983103 OXM983103 PHI983103 PRE983103 QBA983103 QKW983103 QUS983103 REO983103 ROK983103 RYG983103 SIC983103 SRY983103 TBU983103 TLQ983103 TVM983103 UFI983103 UPE983103 UZA983103 VIW983103 VSS983103 WCO983103 WMK983103 WWG983103 AA62:AA63 JW62:JW63 TS62:TS63 ADO62:ADO63 ANK62:ANK63 AXG62:AXG63 BHC62:BHC63 BQY62:BQY63 CAU62:CAU63 CKQ62:CKQ63 CUM62:CUM63 DEI62:DEI63 DOE62:DOE63 DYA62:DYA63 EHW62:EHW63 ERS62:ERS63 FBO62:FBO63 FLK62:FLK63 FVG62:FVG63 GFC62:GFC63 GOY62:GOY63 GYU62:GYU63 HIQ62:HIQ63 HSM62:HSM63 ICI62:ICI63 IME62:IME63 IWA62:IWA63 JFW62:JFW63 JPS62:JPS63 JZO62:JZO63 KJK62:KJK63 KTG62:KTG63 LDC62:LDC63 LMY62:LMY63 LWU62:LWU63 MGQ62:MGQ63 MQM62:MQM63 NAI62:NAI63 NKE62:NKE63 NUA62:NUA63 ODW62:ODW63 ONS62:ONS63 OXO62:OXO63 PHK62:PHK63 PRG62:PRG63 QBC62:QBC63 QKY62:QKY63 QUU62:QUU63 REQ62:REQ63 ROM62:ROM63 RYI62:RYI63 SIE62:SIE63 SSA62:SSA63 TBW62:TBW63 TLS62:TLS63 TVO62:TVO63 UFK62:UFK63 UPG62:UPG63 UZC62:UZC63 VIY62:VIY63 VSU62:VSU63 WCQ62:WCQ63 WMM62:WMM63 WWI62:WWI63 AA65599 JW65599 TS65599 ADO65599 ANK65599 AXG65599 BHC65599 BQY65599 CAU65599 CKQ65599 CUM65599 DEI65599 DOE65599 DYA65599 EHW65599 ERS65599 FBO65599 FLK65599 FVG65599 GFC65599 GOY65599 GYU65599 HIQ65599 HSM65599 ICI65599 IME65599 IWA65599 JFW65599 JPS65599 JZO65599 KJK65599 KTG65599 LDC65599 LMY65599 LWU65599 MGQ65599 MQM65599 NAI65599 NKE65599 NUA65599 ODW65599 ONS65599 OXO65599 PHK65599 PRG65599 QBC65599 QKY65599 QUU65599 REQ65599 ROM65599 RYI65599 SIE65599 SSA65599 TBW65599 TLS65599 TVO65599 UFK65599 UPG65599 UZC65599 VIY65599 VSU65599 WCQ65599 WMM65599 WWI65599 AA131135 JW131135 TS131135 ADO131135 ANK131135 AXG131135 BHC131135 BQY131135 CAU131135 CKQ131135 CUM131135 DEI131135 DOE131135 DYA131135 EHW131135 ERS131135 FBO131135 FLK131135 FVG131135 GFC131135 GOY131135 GYU131135 HIQ131135 HSM131135 ICI131135 IME131135 IWA131135 JFW131135 JPS131135 JZO131135 KJK131135 KTG131135 LDC131135 LMY131135 LWU131135 MGQ131135 MQM131135 NAI131135 NKE131135 NUA131135 ODW131135 ONS131135 OXO131135 PHK131135 PRG131135 QBC131135 QKY131135 QUU131135 REQ131135 ROM131135 RYI131135 SIE131135 SSA131135 TBW131135 TLS131135 TVO131135 UFK131135 UPG131135 UZC131135 VIY131135 VSU131135 WCQ131135 WMM131135 WWI131135 AA196671 JW196671 TS196671 ADO196671 ANK196671 AXG196671 BHC196671 BQY196671 CAU196671 CKQ196671 CUM196671 DEI196671 DOE196671 DYA196671 EHW196671 ERS196671 FBO196671 FLK196671 FVG196671 GFC196671 GOY196671 GYU196671 HIQ196671 HSM196671 ICI196671 IME196671 IWA196671 JFW196671 JPS196671 JZO196671 KJK196671 KTG196671 LDC196671 LMY196671 LWU196671 MGQ196671 MQM196671 NAI196671 NKE196671 NUA196671 ODW196671 ONS196671 OXO196671 PHK196671 PRG196671 QBC196671 QKY196671 QUU196671 REQ196671 ROM196671 RYI196671 SIE196671 SSA196671 TBW196671 TLS196671 TVO196671 UFK196671 UPG196671 UZC196671 VIY196671 VSU196671 WCQ196671 WMM196671 WWI196671 AA262207 JW262207 TS262207 ADO262207 ANK262207 AXG262207 BHC262207 BQY262207 CAU262207 CKQ262207 CUM262207 DEI262207 DOE262207 DYA262207 EHW262207 ERS262207 FBO262207 FLK262207 FVG262207 GFC262207 GOY262207 GYU262207 HIQ262207 HSM262207 ICI262207 IME262207 IWA262207 JFW262207 JPS262207 JZO262207 KJK262207 KTG262207 LDC262207 LMY262207 LWU262207 MGQ262207 MQM262207 NAI262207 NKE262207 NUA262207 ODW262207 ONS262207 OXO262207 PHK262207 PRG262207 QBC262207 QKY262207 QUU262207 REQ262207 ROM262207 RYI262207 SIE262207 SSA262207 TBW262207 TLS262207 TVO262207 UFK262207 UPG262207 UZC262207 VIY262207 VSU262207 WCQ262207 WMM262207 WWI262207 AA327743 JW327743 TS327743 ADO327743 ANK327743 AXG327743 BHC327743 BQY327743 CAU327743 CKQ327743 CUM327743 DEI327743 DOE327743 DYA327743 EHW327743 ERS327743 FBO327743 FLK327743 FVG327743 GFC327743 GOY327743 GYU327743 HIQ327743 HSM327743 ICI327743 IME327743 IWA327743 JFW327743 JPS327743 JZO327743 KJK327743 KTG327743 LDC327743 LMY327743 LWU327743 MGQ327743 MQM327743 NAI327743 NKE327743 NUA327743 ODW327743 ONS327743 OXO327743 PHK327743 PRG327743 QBC327743 QKY327743 QUU327743 REQ327743 ROM327743 RYI327743 SIE327743 SSA327743 TBW327743 TLS327743 TVO327743 UFK327743 UPG327743 UZC327743 VIY327743 VSU327743 WCQ327743 WMM327743 WWI327743 AA393279 JW393279 TS393279 ADO393279 ANK393279 AXG393279 BHC393279 BQY393279 CAU393279 CKQ393279 CUM393279 DEI393279 DOE393279 DYA393279 EHW393279 ERS393279 FBO393279 FLK393279 FVG393279 GFC393279 GOY393279 GYU393279 HIQ393279 HSM393279 ICI393279 IME393279 IWA393279 JFW393279 JPS393279 JZO393279 KJK393279 KTG393279 LDC393279 LMY393279 LWU393279 MGQ393279 MQM393279 NAI393279 NKE393279 NUA393279 ODW393279 ONS393279 OXO393279 PHK393279 PRG393279 QBC393279 QKY393279 QUU393279 REQ393279 ROM393279 RYI393279 SIE393279 SSA393279 TBW393279 TLS393279 TVO393279 UFK393279 UPG393279 UZC393279 VIY393279 VSU393279 WCQ393279 WMM393279 WWI393279 AA458815 JW458815 TS458815 ADO458815 ANK458815 AXG458815 BHC458815 BQY458815 CAU458815 CKQ458815 CUM458815 DEI458815 DOE458815 DYA458815 EHW458815 ERS458815 FBO458815 FLK458815 FVG458815 GFC458815 GOY458815 GYU458815 HIQ458815 HSM458815 ICI458815 IME458815 IWA458815 JFW458815 JPS458815 JZO458815 KJK458815 KTG458815 LDC458815 LMY458815 LWU458815 MGQ458815 MQM458815 NAI458815 NKE458815 NUA458815 ODW458815 ONS458815 OXO458815 PHK458815 PRG458815 QBC458815 QKY458815 QUU458815 REQ458815 ROM458815 RYI458815 SIE458815 SSA458815 TBW458815 TLS458815 TVO458815 UFK458815 UPG458815 UZC458815 VIY458815 VSU458815 WCQ458815 WMM458815 WWI458815 AA524351 JW524351 TS524351 ADO524351 ANK524351 AXG524351 BHC524351 BQY524351 CAU524351 CKQ524351 CUM524351 DEI524351 DOE524351 DYA524351 EHW524351 ERS524351 FBO524351 FLK524351 FVG524351 GFC524351 GOY524351 GYU524351 HIQ524351 HSM524351 ICI524351 IME524351 IWA524351 JFW524351 JPS524351 JZO524351 KJK524351 KTG524351 LDC524351 LMY524351 LWU524351 MGQ524351 MQM524351 NAI524351 NKE524351 NUA524351 ODW524351 ONS524351 OXO524351 PHK524351 PRG524351 QBC524351 QKY524351 QUU524351 REQ524351 ROM524351 RYI524351 SIE524351 SSA524351 TBW524351 TLS524351 TVO524351 UFK524351 UPG524351 UZC524351 VIY524351 VSU524351 WCQ524351 WMM524351 WWI524351 AA589887 JW589887 TS589887 ADO589887 ANK589887 AXG589887 BHC589887 BQY589887 CAU589887 CKQ589887 CUM589887 DEI589887 DOE589887 DYA589887 EHW589887 ERS589887 FBO589887 FLK589887 FVG589887 GFC589887 GOY589887 GYU589887 HIQ589887 HSM589887 ICI589887 IME589887 IWA589887 JFW589887 JPS589887 JZO589887 KJK589887 KTG589887 LDC589887 LMY589887 LWU589887 MGQ589887 MQM589887 NAI589887 NKE589887 NUA589887 ODW589887 ONS589887 OXO589887 PHK589887 PRG589887 QBC589887 QKY589887 QUU589887 REQ589887 ROM589887 RYI589887 SIE589887 SSA589887 TBW589887 TLS589887 TVO589887 UFK589887 UPG589887 UZC589887 VIY589887 VSU589887 WCQ589887 WMM589887 WWI589887 AA655423 JW655423 TS655423 ADO655423 ANK655423 AXG655423 BHC655423 BQY655423 CAU655423 CKQ655423 CUM655423 DEI655423 DOE655423 DYA655423 EHW655423 ERS655423 FBO655423 FLK655423 FVG655423 GFC655423 GOY655423 GYU655423 HIQ655423 HSM655423 ICI655423 IME655423 IWA655423 JFW655423 JPS655423 JZO655423 KJK655423 KTG655423 LDC655423 LMY655423 LWU655423 MGQ655423 MQM655423 NAI655423 NKE655423 NUA655423 ODW655423 ONS655423 OXO655423 PHK655423 PRG655423 QBC655423 QKY655423 QUU655423 REQ655423 ROM655423 RYI655423 SIE655423 SSA655423 TBW655423 TLS655423 TVO655423 UFK655423 UPG655423 UZC655423 VIY655423 VSU655423 WCQ655423 WMM655423 WWI655423 AA720959 JW720959 TS720959 ADO720959 ANK720959 AXG720959 BHC720959 BQY720959 CAU720959 CKQ720959 CUM720959 DEI720959 DOE720959 DYA720959 EHW720959 ERS720959 FBO720959 FLK720959 FVG720959 GFC720959 GOY720959 GYU720959 HIQ720959 HSM720959 ICI720959 IME720959 IWA720959 JFW720959 JPS720959 JZO720959 KJK720959 KTG720959 LDC720959 LMY720959 LWU720959 MGQ720959 MQM720959 NAI720959 NKE720959 NUA720959 ODW720959 ONS720959 OXO720959 PHK720959 PRG720959 QBC720959 QKY720959 QUU720959 REQ720959 ROM720959 RYI720959 SIE720959 SSA720959 TBW720959 TLS720959 TVO720959 UFK720959 UPG720959 UZC720959 VIY720959 VSU720959 WCQ720959 WMM720959 WWI720959 AA786495 JW786495 TS786495 ADO786495 ANK786495 AXG786495 BHC786495 BQY786495 CAU786495 CKQ786495 CUM786495 DEI786495 DOE786495 DYA786495 EHW786495 ERS786495 FBO786495 FLK786495 FVG786495 GFC786495 GOY786495 GYU786495 HIQ786495 HSM786495 ICI786495 IME786495 IWA786495 JFW786495 JPS786495 JZO786495 KJK786495 KTG786495 LDC786495 LMY786495 LWU786495 MGQ786495 MQM786495 NAI786495 NKE786495 NUA786495 ODW786495 ONS786495 OXO786495 PHK786495 PRG786495 QBC786495 QKY786495 QUU786495 REQ786495 ROM786495 RYI786495 SIE786495 SSA786495 TBW786495 TLS786495 TVO786495 UFK786495 UPG786495 UZC786495 VIY786495 VSU786495 WCQ786495 WMM786495 WWI786495 AA852031 JW852031 TS852031 ADO852031 ANK852031 AXG852031 BHC852031 BQY852031 CAU852031 CKQ852031 CUM852031 DEI852031 DOE852031 DYA852031 EHW852031 ERS852031 FBO852031 FLK852031 FVG852031 GFC852031 GOY852031 GYU852031 HIQ852031 HSM852031 ICI852031 IME852031 IWA852031 JFW852031 JPS852031 JZO852031 KJK852031 KTG852031 LDC852031 LMY852031 LWU852031 MGQ852031 MQM852031 NAI852031 NKE852031 NUA852031 ODW852031 ONS852031 OXO852031 PHK852031 PRG852031 QBC852031 QKY852031 QUU852031 REQ852031 ROM852031 RYI852031 SIE852031 SSA852031 TBW852031 TLS852031 TVO852031 UFK852031 UPG852031 UZC852031 VIY852031 VSU852031 WCQ852031 WMM852031 WWI852031 AA917567 JW917567 TS917567 ADO917567 ANK917567 AXG917567 BHC917567 BQY917567 CAU917567 CKQ917567 CUM917567 DEI917567 DOE917567 DYA917567 EHW917567 ERS917567 FBO917567 FLK917567 FVG917567 GFC917567 GOY917567 GYU917567 HIQ917567 HSM917567 ICI917567 IME917567 IWA917567 JFW917567 JPS917567 JZO917567 KJK917567 KTG917567 LDC917567 LMY917567 LWU917567 MGQ917567 MQM917567 NAI917567 NKE917567 NUA917567 ODW917567 ONS917567 OXO917567 PHK917567 PRG917567 QBC917567 QKY917567 QUU917567 REQ917567 ROM917567 RYI917567 SIE917567 SSA917567 TBW917567 TLS917567 TVO917567 UFK917567 UPG917567 UZC917567 VIY917567 VSU917567 WCQ917567 WMM917567 WWI917567 AA983103 JW983103 TS983103 ADO983103 ANK983103 AXG983103 BHC983103 BQY983103 CAU983103 CKQ983103 CUM983103 DEI983103 DOE983103 DYA983103 EHW983103 ERS983103 FBO983103 FLK983103 FVG983103 GFC983103 GOY983103 GYU983103 HIQ983103 HSM983103 ICI983103 IME983103 IWA983103 JFW983103 JPS983103 JZO983103 KJK983103 KTG983103 LDC983103 LMY983103 LWU983103 MGQ983103 MQM983103 NAI983103 NKE983103 NUA983103 ODW983103 ONS983103 OXO983103 PHK983103 PRG983103 QBC983103 QKY983103 QUU983103 REQ983103 ROM983103 RYI983103 SIE983103 SSA983103 TBW983103 TLS983103 TVO983103 UFK983103 UPG983103 UZC983103 VIY983103 VSU983103 WCQ983103 WMM983103 WWI983103 D32 IZ32 SV32 ACR32 AMN32 AWJ32 BGF32 BQB32 BZX32 CJT32 CTP32 DDL32 DNH32 DXD32 EGZ32 EQV32 FAR32 FKN32 FUJ32 GEF32 GOB32 GXX32 HHT32 HRP32 IBL32 ILH32 IVD32 JEZ32 JOV32 JYR32 KIN32 KSJ32 LCF32 LMB32 LVX32 MFT32 MPP32 MZL32 NJH32 NTD32 OCZ32 OMV32 OWR32 PGN32 PQJ32 QAF32 QKB32 QTX32 RDT32 RNP32 RXL32 SHH32 SRD32 TAZ32 TKV32 TUR32 UEN32 UOJ32 UYF32 VIB32 VRX32 WBT32 WLP32 WVL32 D65569 IZ65569 SV65569 ACR65569 AMN65569 AWJ65569 BGF65569 BQB65569 BZX65569 CJT65569 CTP65569 DDL65569 DNH65569 DXD65569 EGZ65569 EQV65569 FAR65569 FKN65569 FUJ65569 GEF65569 GOB65569 GXX65569 HHT65569 HRP65569 IBL65569 ILH65569 IVD65569 JEZ65569 JOV65569 JYR65569 KIN65569 KSJ65569 LCF65569 LMB65569 LVX65569 MFT65569 MPP65569 MZL65569 NJH65569 NTD65569 OCZ65569 OMV65569 OWR65569 PGN65569 PQJ65569 QAF65569 QKB65569 QTX65569 RDT65569 RNP65569 RXL65569 SHH65569 SRD65569 TAZ65569 TKV65569 TUR65569 UEN65569 UOJ65569 UYF65569 VIB65569 VRX65569 WBT65569 WLP65569 WVL65569 D131105 IZ131105 SV131105 ACR131105 AMN131105 AWJ131105 BGF131105 BQB131105 BZX131105 CJT131105 CTP131105 DDL131105 DNH131105 DXD131105 EGZ131105 EQV131105 FAR131105 FKN131105 FUJ131105 GEF131105 GOB131105 GXX131105 HHT131105 HRP131105 IBL131105 ILH131105 IVD131105 JEZ131105 JOV131105 JYR131105 KIN131105 KSJ131105 LCF131105 LMB131105 LVX131105 MFT131105 MPP131105 MZL131105 NJH131105 NTD131105 OCZ131105 OMV131105 OWR131105 PGN131105 PQJ131105 QAF131105 QKB131105 QTX131105 RDT131105 RNP131105 RXL131105 SHH131105 SRD131105 TAZ131105 TKV131105 TUR131105 UEN131105 UOJ131105 UYF131105 VIB131105 VRX131105 WBT131105 WLP131105 WVL131105 D196641 IZ196641 SV196641 ACR196641 AMN196641 AWJ196641 BGF196641 BQB196641 BZX196641 CJT196641 CTP196641 DDL196641 DNH196641 DXD196641 EGZ196641 EQV196641 FAR196641 FKN196641 FUJ196641 GEF196641 GOB196641 GXX196641 HHT196641 HRP196641 IBL196641 ILH196641 IVD196641 JEZ196641 JOV196641 JYR196641 KIN196641 KSJ196641 LCF196641 LMB196641 LVX196641 MFT196641 MPP196641 MZL196641 NJH196641 NTD196641 OCZ196641 OMV196641 OWR196641 PGN196641 PQJ196641 QAF196641 QKB196641 QTX196641 RDT196641 RNP196641 RXL196641 SHH196641 SRD196641 TAZ196641 TKV196641 TUR196641 UEN196641 UOJ196641 UYF196641 VIB196641 VRX196641 WBT196641 WLP196641 WVL196641 D262177 IZ262177 SV262177 ACR262177 AMN262177 AWJ262177 BGF262177 BQB262177 BZX262177 CJT262177 CTP262177 DDL262177 DNH262177 DXD262177 EGZ262177 EQV262177 FAR262177 FKN262177 FUJ262177 GEF262177 GOB262177 GXX262177 HHT262177 HRP262177 IBL262177 ILH262177 IVD262177 JEZ262177 JOV262177 JYR262177 KIN262177 KSJ262177 LCF262177 LMB262177 LVX262177 MFT262177 MPP262177 MZL262177 NJH262177 NTD262177 OCZ262177 OMV262177 OWR262177 PGN262177 PQJ262177 QAF262177 QKB262177 QTX262177 RDT262177 RNP262177 RXL262177 SHH262177 SRD262177 TAZ262177 TKV262177 TUR262177 UEN262177 UOJ262177 UYF262177 VIB262177 VRX262177 WBT262177 WLP262177 WVL262177 D327713 IZ327713 SV327713 ACR327713 AMN327713 AWJ327713 BGF327713 BQB327713 BZX327713 CJT327713 CTP327713 DDL327713 DNH327713 DXD327713 EGZ327713 EQV327713 FAR327713 FKN327713 FUJ327713 GEF327713 GOB327713 GXX327713 HHT327713 HRP327713 IBL327713 ILH327713 IVD327713 JEZ327713 JOV327713 JYR327713 KIN327713 KSJ327713 LCF327713 LMB327713 LVX327713 MFT327713 MPP327713 MZL327713 NJH327713 NTD327713 OCZ327713 OMV327713 OWR327713 PGN327713 PQJ327713 QAF327713 QKB327713 QTX327713 RDT327713 RNP327713 RXL327713 SHH327713 SRD327713 TAZ327713 TKV327713 TUR327713 UEN327713 UOJ327713 UYF327713 VIB327713 VRX327713 WBT327713 WLP327713 WVL327713 D393249 IZ393249 SV393249 ACR393249 AMN393249 AWJ393249 BGF393249 BQB393249 BZX393249 CJT393249 CTP393249 DDL393249 DNH393249 DXD393249 EGZ393249 EQV393249 FAR393249 FKN393249 FUJ393249 GEF393249 GOB393249 GXX393249 HHT393249 HRP393249 IBL393249 ILH393249 IVD393249 JEZ393249 JOV393249 JYR393249 KIN393249 KSJ393249 LCF393249 LMB393249 LVX393249 MFT393249 MPP393249 MZL393249 NJH393249 NTD393249 OCZ393249 OMV393249 OWR393249 PGN393249 PQJ393249 QAF393249 QKB393249 QTX393249 RDT393249 RNP393249 RXL393249 SHH393249 SRD393249 TAZ393249 TKV393249 TUR393249 UEN393249 UOJ393249 UYF393249 VIB393249 VRX393249 WBT393249 WLP393249 WVL393249 D458785 IZ458785 SV458785 ACR458785 AMN458785 AWJ458785 BGF458785 BQB458785 BZX458785 CJT458785 CTP458785 DDL458785 DNH458785 DXD458785 EGZ458785 EQV458785 FAR458785 FKN458785 FUJ458785 GEF458785 GOB458785 GXX458785 HHT458785 HRP458785 IBL458785 ILH458785 IVD458785 JEZ458785 JOV458785 JYR458785 KIN458785 KSJ458785 LCF458785 LMB458785 LVX458785 MFT458785 MPP458785 MZL458785 NJH458785 NTD458785 OCZ458785 OMV458785 OWR458785 PGN458785 PQJ458785 QAF458785 QKB458785 QTX458785 RDT458785 RNP458785 RXL458785 SHH458785 SRD458785 TAZ458785 TKV458785 TUR458785 UEN458785 UOJ458785 UYF458785 VIB458785 VRX458785 WBT458785 WLP458785 WVL458785 D524321 IZ524321 SV524321 ACR524321 AMN524321 AWJ524321 BGF524321 BQB524321 BZX524321 CJT524321 CTP524321 DDL524321 DNH524321 DXD524321 EGZ524321 EQV524321 FAR524321 FKN524321 FUJ524321 GEF524321 GOB524321 GXX524321 HHT524321 HRP524321 IBL524321 ILH524321 IVD524321 JEZ524321 JOV524321 JYR524321 KIN524321 KSJ524321 LCF524321 LMB524321 LVX524321 MFT524321 MPP524321 MZL524321 NJH524321 NTD524321 OCZ524321 OMV524321 OWR524321 PGN524321 PQJ524321 QAF524321 QKB524321 QTX524321 RDT524321 RNP524321 RXL524321 SHH524321 SRD524321 TAZ524321 TKV524321 TUR524321 UEN524321 UOJ524321 UYF524321 VIB524321 VRX524321 WBT524321 WLP524321 WVL524321 D589857 IZ589857 SV589857 ACR589857 AMN589857 AWJ589857 BGF589857 BQB589857 BZX589857 CJT589857 CTP589857 DDL589857 DNH589857 DXD589857 EGZ589857 EQV589857 FAR589857 FKN589857 FUJ589857 GEF589857 GOB589857 GXX589857 HHT589857 HRP589857 IBL589857 ILH589857 IVD589857 JEZ589857 JOV589857 JYR589857 KIN589857 KSJ589857 LCF589857 LMB589857 LVX589857 MFT589857 MPP589857 MZL589857 NJH589857 NTD589857 OCZ589857 OMV589857 OWR589857 PGN589857 PQJ589857 QAF589857 QKB589857 QTX589857 RDT589857 RNP589857 RXL589857 SHH589857 SRD589857 TAZ589857 TKV589857 TUR589857 UEN589857 UOJ589857 UYF589857 VIB589857 VRX589857 WBT589857 WLP589857 WVL589857 D655393 IZ655393 SV655393 ACR655393 AMN655393 AWJ655393 BGF655393 BQB655393 BZX655393 CJT655393 CTP655393 DDL655393 DNH655393 DXD655393 EGZ655393 EQV655393 FAR655393 FKN655393 FUJ655393 GEF655393 GOB655393 GXX655393 HHT655393 HRP655393 IBL655393 ILH655393 IVD655393 JEZ655393 JOV655393 JYR655393 KIN655393 KSJ655393 LCF655393 LMB655393 LVX655393 MFT655393 MPP655393 MZL655393 NJH655393 NTD655393 OCZ655393 OMV655393 OWR655393 PGN655393 PQJ655393 QAF655393 QKB655393 QTX655393 RDT655393 RNP655393 RXL655393 SHH655393 SRD655393 TAZ655393 TKV655393 TUR655393 UEN655393 UOJ655393 UYF655393 VIB655393 VRX655393 WBT655393 WLP655393 WVL655393 D720929 IZ720929 SV720929 ACR720929 AMN720929 AWJ720929 BGF720929 BQB720929 BZX720929 CJT720929 CTP720929 DDL720929 DNH720929 DXD720929 EGZ720929 EQV720929 FAR720929 FKN720929 FUJ720929 GEF720929 GOB720929 GXX720929 HHT720929 HRP720929 IBL720929 ILH720929 IVD720929 JEZ720929 JOV720929 JYR720929 KIN720929 KSJ720929 LCF720929 LMB720929 LVX720929 MFT720929 MPP720929 MZL720929 NJH720929 NTD720929 OCZ720929 OMV720929 OWR720929 PGN720929 PQJ720929 QAF720929 QKB720929 QTX720929 RDT720929 RNP720929 RXL720929 SHH720929 SRD720929 TAZ720929 TKV720929 TUR720929 UEN720929 UOJ720929 UYF720929 VIB720929 VRX720929 WBT720929 WLP720929 WVL720929 D786465 IZ786465 SV786465 ACR786465 AMN786465 AWJ786465 BGF786465 BQB786465 BZX786465 CJT786465 CTP786465 DDL786465 DNH786465 DXD786465 EGZ786465 EQV786465 FAR786465 FKN786465 FUJ786465 GEF786465 GOB786465 GXX786465 HHT786465 HRP786465 IBL786465 ILH786465 IVD786465 JEZ786465 JOV786465 JYR786465 KIN786465 KSJ786465 LCF786465 LMB786465 LVX786465 MFT786465 MPP786465 MZL786465 NJH786465 NTD786465 OCZ786465 OMV786465 OWR786465 PGN786465 PQJ786465 QAF786465 QKB786465 QTX786465 RDT786465 RNP786465 RXL786465 SHH786465 SRD786465 TAZ786465 TKV786465 TUR786465 UEN786465 UOJ786465 UYF786465 VIB786465 VRX786465 WBT786465 WLP786465 WVL786465 D852001 IZ852001 SV852001 ACR852001 AMN852001 AWJ852001 BGF852001 BQB852001 BZX852001 CJT852001 CTP852001 DDL852001 DNH852001 DXD852001 EGZ852001 EQV852001 FAR852001 FKN852001 FUJ852001 GEF852001 GOB852001 GXX852001 HHT852001 HRP852001 IBL852001 ILH852001 IVD852001 JEZ852001 JOV852001 JYR852001 KIN852001 KSJ852001 LCF852001 LMB852001 LVX852001 MFT852001 MPP852001 MZL852001 NJH852001 NTD852001 OCZ852001 OMV852001 OWR852001 PGN852001 PQJ852001 QAF852001 QKB852001 QTX852001 RDT852001 RNP852001 RXL852001 SHH852001 SRD852001 TAZ852001 TKV852001 TUR852001 UEN852001 UOJ852001 UYF852001 VIB852001 VRX852001 WBT852001 WLP852001 WVL852001 D917537 IZ917537 SV917537 ACR917537 AMN917537 AWJ917537 BGF917537 BQB917537 BZX917537 CJT917537 CTP917537 DDL917537 DNH917537 DXD917537 EGZ917537 EQV917537 FAR917537 FKN917537 FUJ917537 GEF917537 GOB917537 GXX917537 HHT917537 HRP917537 IBL917537 ILH917537 IVD917537 JEZ917537 JOV917537 JYR917537 KIN917537 KSJ917537 LCF917537 LMB917537 LVX917537 MFT917537 MPP917537 MZL917537 NJH917537 NTD917537 OCZ917537 OMV917537 OWR917537 PGN917537 PQJ917537 QAF917537 QKB917537 QTX917537 RDT917537 RNP917537 RXL917537 SHH917537 SRD917537 TAZ917537 TKV917537 TUR917537 UEN917537 UOJ917537 UYF917537 VIB917537 VRX917537 WBT917537 WLP917537 WVL917537 D983073 IZ983073 SV983073 ACR983073 AMN983073 AWJ983073 BGF983073 BQB983073 BZX983073 CJT983073 CTP983073 DDL983073 DNH983073 DXD983073 EGZ983073 EQV983073 FAR983073 FKN983073 FUJ983073 GEF983073 GOB983073 GXX983073 HHT983073 HRP983073 IBL983073 ILH983073 IVD983073 JEZ983073 JOV983073 JYR983073 KIN983073 KSJ983073 LCF983073 LMB983073 LVX983073 MFT983073 MPP983073 MZL983073 NJH983073 NTD983073 OCZ983073 OMV983073 OWR983073 PGN983073 PQJ983073 QAF983073 QKB983073 QTX983073 RDT983073 RNP983073 RXL983073 SHH983073 SRD983073 TAZ983073 TKV983073 TUR983073 UEN983073 UOJ983073 UYF983073 VIB983073 VRX983073 WBT983073 WLP983073 WVL983073 G32 JC32 SY32 ACU32 AMQ32 AWM32 BGI32 BQE32 CAA32 CJW32 CTS32 DDO32 DNK32 DXG32 EHC32 EQY32 FAU32 FKQ32 FUM32 GEI32 GOE32 GYA32 HHW32 HRS32 IBO32 ILK32 IVG32 JFC32 JOY32 JYU32 KIQ32 KSM32 LCI32 LME32 LWA32 MFW32 MPS32 MZO32 NJK32 NTG32 ODC32 OMY32 OWU32 PGQ32 PQM32 QAI32 QKE32 QUA32 RDW32 RNS32 RXO32 SHK32 SRG32 TBC32 TKY32 TUU32 UEQ32 UOM32 UYI32 VIE32 VSA32 WBW32 WLS32 WVO32 G65569 JC65569 SY65569 ACU65569 AMQ65569 AWM65569 BGI65569 BQE65569 CAA65569 CJW65569 CTS65569 DDO65569 DNK65569 DXG65569 EHC65569 EQY65569 FAU65569 FKQ65569 FUM65569 GEI65569 GOE65569 GYA65569 HHW65569 HRS65569 IBO65569 ILK65569 IVG65569 JFC65569 JOY65569 JYU65569 KIQ65569 KSM65569 LCI65569 LME65569 LWA65569 MFW65569 MPS65569 MZO65569 NJK65569 NTG65569 ODC65569 OMY65569 OWU65569 PGQ65569 PQM65569 QAI65569 QKE65569 QUA65569 RDW65569 RNS65569 RXO65569 SHK65569 SRG65569 TBC65569 TKY65569 TUU65569 UEQ65569 UOM65569 UYI65569 VIE65569 VSA65569 WBW65569 WLS65569 WVO65569 G131105 JC131105 SY131105 ACU131105 AMQ131105 AWM131105 BGI131105 BQE131105 CAA131105 CJW131105 CTS131105 DDO131105 DNK131105 DXG131105 EHC131105 EQY131105 FAU131105 FKQ131105 FUM131105 GEI131105 GOE131105 GYA131105 HHW131105 HRS131105 IBO131105 ILK131105 IVG131105 JFC131105 JOY131105 JYU131105 KIQ131105 KSM131105 LCI131105 LME131105 LWA131105 MFW131105 MPS131105 MZO131105 NJK131105 NTG131105 ODC131105 OMY131105 OWU131105 PGQ131105 PQM131105 QAI131105 QKE131105 QUA131105 RDW131105 RNS131105 RXO131105 SHK131105 SRG131105 TBC131105 TKY131105 TUU131105 UEQ131105 UOM131105 UYI131105 VIE131105 VSA131105 WBW131105 WLS131105 WVO131105 G196641 JC196641 SY196641 ACU196641 AMQ196641 AWM196641 BGI196641 BQE196641 CAA196641 CJW196641 CTS196641 DDO196641 DNK196641 DXG196641 EHC196641 EQY196641 FAU196641 FKQ196641 FUM196641 GEI196641 GOE196641 GYA196641 HHW196641 HRS196641 IBO196641 ILK196641 IVG196641 JFC196641 JOY196641 JYU196641 KIQ196641 KSM196641 LCI196641 LME196641 LWA196641 MFW196641 MPS196641 MZO196641 NJK196641 NTG196641 ODC196641 OMY196641 OWU196641 PGQ196641 PQM196641 QAI196641 QKE196641 QUA196641 RDW196641 RNS196641 RXO196641 SHK196641 SRG196641 TBC196641 TKY196641 TUU196641 UEQ196641 UOM196641 UYI196641 VIE196641 VSA196641 WBW196641 WLS196641 WVO196641 G262177 JC262177 SY262177 ACU262177 AMQ262177 AWM262177 BGI262177 BQE262177 CAA262177 CJW262177 CTS262177 DDO262177 DNK262177 DXG262177 EHC262177 EQY262177 FAU262177 FKQ262177 FUM262177 GEI262177 GOE262177 GYA262177 HHW262177 HRS262177 IBO262177 ILK262177 IVG262177 JFC262177 JOY262177 JYU262177 KIQ262177 KSM262177 LCI262177 LME262177 LWA262177 MFW262177 MPS262177 MZO262177 NJK262177 NTG262177 ODC262177 OMY262177 OWU262177 PGQ262177 PQM262177 QAI262177 QKE262177 QUA262177 RDW262177 RNS262177 RXO262177 SHK262177 SRG262177 TBC262177 TKY262177 TUU262177 UEQ262177 UOM262177 UYI262177 VIE262177 VSA262177 WBW262177 WLS262177 WVO262177 G327713 JC327713 SY327713 ACU327713 AMQ327713 AWM327713 BGI327713 BQE327713 CAA327713 CJW327713 CTS327713 DDO327713 DNK327713 DXG327713 EHC327713 EQY327713 FAU327713 FKQ327713 FUM327713 GEI327713 GOE327713 GYA327713 HHW327713 HRS327713 IBO327713 ILK327713 IVG327713 JFC327713 JOY327713 JYU327713 KIQ327713 KSM327713 LCI327713 LME327713 LWA327713 MFW327713 MPS327713 MZO327713 NJK327713 NTG327713 ODC327713 OMY327713 OWU327713 PGQ327713 PQM327713 QAI327713 QKE327713 QUA327713 RDW327713 RNS327713 RXO327713 SHK327713 SRG327713 TBC327713 TKY327713 TUU327713 UEQ327713 UOM327713 UYI327713 VIE327713 VSA327713 WBW327713 WLS327713 WVO327713 G393249 JC393249 SY393249 ACU393249 AMQ393249 AWM393249 BGI393249 BQE393249 CAA393249 CJW393249 CTS393249 DDO393249 DNK393249 DXG393249 EHC393249 EQY393249 FAU393249 FKQ393249 FUM393249 GEI393249 GOE393249 GYA393249 HHW393249 HRS393249 IBO393249 ILK393249 IVG393249 JFC393249 JOY393249 JYU393249 KIQ393249 KSM393249 LCI393249 LME393249 LWA393249 MFW393249 MPS393249 MZO393249 NJK393249 NTG393249 ODC393249 OMY393249 OWU393249 PGQ393249 PQM393249 QAI393249 QKE393249 QUA393249 RDW393249 RNS393249 RXO393249 SHK393249 SRG393249 TBC393249 TKY393249 TUU393249 UEQ393249 UOM393249 UYI393249 VIE393249 VSA393249 WBW393249 WLS393249 WVO393249 G458785 JC458785 SY458785 ACU458785 AMQ458785 AWM458785 BGI458785 BQE458785 CAA458785 CJW458785 CTS458785 DDO458785 DNK458785 DXG458785 EHC458785 EQY458785 FAU458785 FKQ458785 FUM458785 GEI458785 GOE458785 GYA458785 HHW458785 HRS458785 IBO458785 ILK458785 IVG458785 JFC458785 JOY458785 JYU458785 KIQ458785 KSM458785 LCI458785 LME458785 LWA458785 MFW458785 MPS458785 MZO458785 NJK458785 NTG458785 ODC458785 OMY458785 OWU458785 PGQ458785 PQM458785 QAI458785 QKE458785 QUA458785 RDW458785 RNS458785 RXO458785 SHK458785 SRG458785 TBC458785 TKY458785 TUU458785 UEQ458785 UOM458785 UYI458785 VIE458785 VSA458785 WBW458785 WLS458785 WVO458785 G524321 JC524321 SY524321 ACU524321 AMQ524321 AWM524321 BGI524321 BQE524321 CAA524321 CJW524321 CTS524321 DDO524321 DNK524321 DXG524321 EHC524321 EQY524321 FAU524321 FKQ524321 FUM524321 GEI524321 GOE524321 GYA524321 HHW524321 HRS524321 IBO524321 ILK524321 IVG524321 JFC524321 JOY524321 JYU524321 KIQ524321 KSM524321 LCI524321 LME524321 LWA524321 MFW524321 MPS524321 MZO524321 NJK524321 NTG524321 ODC524321 OMY524321 OWU524321 PGQ524321 PQM524321 QAI524321 QKE524321 QUA524321 RDW524321 RNS524321 RXO524321 SHK524321 SRG524321 TBC524321 TKY524321 TUU524321 UEQ524321 UOM524321 UYI524321 VIE524321 VSA524321 WBW524321 WLS524321 WVO524321 G589857 JC589857 SY589857 ACU589857 AMQ589857 AWM589857 BGI589857 BQE589857 CAA589857 CJW589857 CTS589857 DDO589857 DNK589857 DXG589857 EHC589857 EQY589857 FAU589857 FKQ589857 FUM589857 GEI589857 GOE589857 GYA589857 HHW589857 HRS589857 IBO589857 ILK589857 IVG589857 JFC589857 JOY589857 JYU589857 KIQ589857 KSM589857 LCI589857 LME589857 LWA589857 MFW589857 MPS589857 MZO589857 NJK589857 NTG589857 ODC589857 OMY589857 OWU589857 PGQ589857 PQM589857 QAI589857 QKE589857 QUA589857 RDW589857 RNS589857 RXO589857 SHK589857 SRG589857 TBC589857 TKY589857 TUU589857 UEQ589857 UOM589857 UYI589857 VIE589857 VSA589857 WBW589857 WLS589857 WVO589857 G655393 JC655393 SY655393 ACU655393 AMQ655393 AWM655393 BGI655393 BQE655393 CAA655393 CJW655393 CTS655393 DDO655393 DNK655393 DXG655393 EHC655393 EQY655393 FAU655393 FKQ655393 FUM655393 GEI655393 GOE655393 GYA655393 HHW655393 HRS655393 IBO655393 ILK655393 IVG655393 JFC655393 JOY655393 JYU655393 KIQ655393 KSM655393 LCI655393 LME655393 LWA655393 MFW655393 MPS655393 MZO655393 NJK655393 NTG655393 ODC655393 OMY655393 OWU655393 PGQ655393 PQM655393 QAI655393 QKE655393 QUA655393 RDW655393 RNS655393 RXO655393 SHK655393 SRG655393 TBC655393 TKY655393 TUU655393 UEQ655393 UOM655393 UYI655393 VIE655393 VSA655393 WBW655393 WLS655393 WVO655393 G720929 JC720929 SY720929 ACU720929 AMQ720929 AWM720929 BGI720929 BQE720929 CAA720929 CJW720929 CTS720929 DDO720929 DNK720929 DXG720929 EHC720929 EQY720929 FAU720929 FKQ720929 FUM720929 GEI720929 GOE720929 GYA720929 HHW720929 HRS720929 IBO720929 ILK720929 IVG720929 JFC720929 JOY720929 JYU720929 KIQ720929 KSM720929 LCI720929 LME720929 LWA720929 MFW720929 MPS720929 MZO720929 NJK720929 NTG720929 ODC720929 OMY720929 OWU720929 PGQ720929 PQM720929 QAI720929 QKE720929 QUA720929 RDW720929 RNS720929 RXO720929 SHK720929 SRG720929 TBC720929 TKY720929 TUU720929 UEQ720929 UOM720929 UYI720929 VIE720929 VSA720929 WBW720929 WLS720929 WVO720929 G786465 JC786465 SY786465 ACU786465 AMQ786465 AWM786465 BGI786465 BQE786465 CAA786465 CJW786465 CTS786465 DDO786465 DNK786465 DXG786465 EHC786465 EQY786465 FAU786465 FKQ786465 FUM786465 GEI786465 GOE786465 GYA786465 HHW786465 HRS786465 IBO786465 ILK786465 IVG786465 JFC786465 JOY786465 JYU786465 KIQ786465 KSM786465 LCI786465 LME786465 LWA786465 MFW786465 MPS786465 MZO786465 NJK786465 NTG786465 ODC786465 OMY786465 OWU786465 PGQ786465 PQM786465 QAI786465 QKE786465 QUA786465 RDW786465 RNS786465 RXO786465 SHK786465 SRG786465 TBC786465 TKY786465 TUU786465 UEQ786465 UOM786465 UYI786465 VIE786465 VSA786465 WBW786465 WLS786465 WVO786465 G852001 JC852001 SY852001 ACU852001 AMQ852001 AWM852001 BGI852001 BQE852001 CAA852001 CJW852001 CTS852001 DDO852001 DNK852001 DXG852001 EHC852001 EQY852001 FAU852001 FKQ852001 FUM852001 GEI852001 GOE852001 GYA852001 HHW852001 HRS852001 IBO852001 ILK852001 IVG852001 JFC852001 JOY852001 JYU852001 KIQ852001 KSM852001 LCI852001 LME852001 LWA852001 MFW852001 MPS852001 MZO852001 NJK852001 NTG852001 ODC852001 OMY852001 OWU852001 PGQ852001 PQM852001 QAI852001 QKE852001 QUA852001 RDW852001 RNS852001 RXO852001 SHK852001 SRG852001 TBC852001 TKY852001 TUU852001 UEQ852001 UOM852001 UYI852001 VIE852001 VSA852001 WBW852001 WLS852001 WVO852001 G917537 JC917537 SY917537 ACU917537 AMQ917537 AWM917537 BGI917537 BQE917537 CAA917537 CJW917537 CTS917537 DDO917537 DNK917537 DXG917537 EHC917537 EQY917537 FAU917537 FKQ917537 FUM917537 GEI917537 GOE917537 GYA917537 HHW917537 HRS917537 IBO917537 ILK917537 IVG917537 JFC917537 JOY917537 JYU917537 KIQ917537 KSM917537 LCI917537 LME917537 LWA917537 MFW917537 MPS917537 MZO917537 NJK917537 NTG917537 ODC917537 OMY917537 OWU917537 PGQ917537 PQM917537 QAI917537 QKE917537 QUA917537 RDW917537 RNS917537 RXO917537 SHK917537 SRG917537 TBC917537 TKY917537 TUU917537 UEQ917537 UOM917537 UYI917537 VIE917537 VSA917537 WBW917537 WLS917537 WVO917537 G983073 JC983073 SY983073 ACU983073 AMQ983073 AWM983073 BGI983073 BQE983073 CAA983073 CJW983073 CTS983073 DDO983073 DNK983073 DXG983073 EHC983073 EQY983073 FAU983073 FKQ983073 FUM983073 GEI983073 GOE983073 GYA983073 HHW983073 HRS983073 IBO983073 ILK983073 IVG983073 JFC983073 JOY983073 JYU983073 KIQ983073 KSM983073 LCI983073 LME983073 LWA983073 MFW983073 MPS983073 MZO983073 NJK983073 NTG983073 ODC983073 OMY983073 OWU983073 PGQ983073 PQM983073 QAI983073 QKE983073 QUA983073 RDW983073 RNS983073 RXO983073 SHK983073 SRG983073 TBC983073 TKY983073 TUU983073 UEQ983073 UOM983073 UYI983073 VIE983073 VSA983073 WBW983073 WLS983073 WVO983073 D59 IZ59 SV59 ACR59 AMN59 AWJ59 BGF59 BQB59 BZX59 CJT59 CTP59 DDL59 DNH59 DXD59 EGZ59 EQV59 FAR59 FKN59 FUJ59 GEF59 GOB59 GXX59 HHT59 HRP59 IBL59 ILH59 IVD59 JEZ59 JOV59 JYR59 KIN59 KSJ59 LCF59 LMB59 LVX59 MFT59 MPP59 MZL59 NJH59 NTD59 OCZ59 OMV59 OWR59 PGN59 PQJ59 QAF59 QKB59 QTX59 RDT59 RNP59 RXL59 SHH59 SRD59 TAZ59 TKV59 TUR59 UEN59 UOJ59 UYF59 VIB59 VRX59 WBT59 WLP59 WVL59 D65596 IZ65596 SV65596 ACR65596 AMN65596 AWJ65596 BGF65596 BQB65596 BZX65596 CJT65596 CTP65596 DDL65596 DNH65596 DXD65596 EGZ65596 EQV65596 FAR65596 FKN65596 FUJ65596 GEF65596 GOB65596 GXX65596 HHT65596 HRP65596 IBL65596 ILH65596 IVD65596 JEZ65596 JOV65596 JYR65596 KIN65596 KSJ65596 LCF65596 LMB65596 LVX65596 MFT65596 MPP65596 MZL65596 NJH65596 NTD65596 OCZ65596 OMV65596 OWR65596 PGN65596 PQJ65596 QAF65596 QKB65596 QTX65596 RDT65596 RNP65596 RXL65596 SHH65596 SRD65596 TAZ65596 TKV65596 TUR65596 UEN65596 UOJ65596 UYF65596 VIB65596 VRX65596 WBT65596 WLP65596 WVL65596 D131132 IZ131132 SV131132 ACR131132 AMN131132 AWJ131132 BGF131132 BQB131132 BZX131132 CJT131132 CTP131132 DDL131132 DNH131132 DXD131132 EGZ131132 EQV131132 FAR131132 FKN131132 FUJ131132 GEF131132 GOB131132 GXX131132 HHT131132 HRP131132 IBL131132 ILH131132 IVD131132 JEZ131132 JOV131132 JYR131132 KIN131132 KSJ131132 LCF131132 LMB131132 LVX131132 MFT131132 MPP131132 MZL131132 NJH131132 NTD131132 OCZ131132 OMV131132 OWR131132 PGN131132 PQJ131132 QAF131132 QKB131132 QTX131132 RDT131132 RNP131132 RXL131132 SHH131132 SRD131132 TAZ131132 TKV131132 TUR131132 UEN131132 UOJ131132 UYF131132 VIB131132 VRX131132 WBT131132 WLP131132 WVL131132 D196668 IZ196668 SV196668 ACR196668 AMN196668 AWJ196668 BGF196668 BQB196668 BZX196668 CJT196668 CTP196668 DDL196668 DNH196668 DXD196668 EGZ196668 EQV196668 FAR196668 FKN196668 FUJ196668 GEF196668 GOB196668 GXX196668 HHT196668 HRP196668 IBL196668 ILH196668 IVD196668 JEZ196668 JOV196668 JYR196668 KIN196668 KSJ196668 LCF196668 LMB196668 LVX196668 MFT196668 MPP196668 MZL196668 NJH196668 NTD196668 OCZ196668 OMV196668 OWR196668 PGN196668 PQJ196668 QAF196668 QKB196668 QTX196668 RDT196668 RNP196668 RXL196668 SHH196668 SRD196668 TAZ196668 TKV196668 TUR196668 UEN196668 UOJ196668 UYF196668 VIB196668 VRX196668 WBT196668 WLP196668 WVL196668 D262204 IZ262204 SV262204 ACR262204 AMN262204 AWJ262204 BGF262204 BQB262204 BZX262204 CJT262204 CTP262204 DDL262204 DNH262204 DXD262204 EGZ262204 EQV262204 FAR262204 FKN262204 FUJ262204 GEF262204 GOB262204 GXX262204 HHT262204 HRP262204 IBL262204 ILH262204 IVD262204 JEZ262204 JOV262204 JYR262204 KIN262204 KSJ262204 LCF262204 LMB262204 LVX262204 MFT262204 MPP262204 MZL262204 NJH262204 NTD262204 OCZ262204 OMV262204 OWR262204 PGN262204 PQJ262204 QAF262204 QKB262204 QTX262204 RDT262204 RNP262204 RXL262204 SHH262204 SRD262204 TAZ262204 TKV262204 TUR262204 UEN262204 UOJ262204 UYF262204 VIB262204 VRX262204 WBT262204 WLP262204 WVL262204 D327740 IZ327740 SV327740 ACR327740 AMN327740 AWJ327740 BGF327740 BQB327740 BZX327740 CJT327740 CTP327740 DDL327740 DNH327740 DXD327740 EGZ327740 EQV327740 FAR327740 FKN327740 FUJ327740 GEF327740 GOB327740 GXX327740 HHT327740 HRP327740 IBL327740 ILH327740 IVD327740 JEZ327740 JOV327740 JYR327740 KIN327740 KSJ327740 LCF327740 LMB327740 LVX327740 MFT327740 MPP327740 MZL327740 NJH327740 NTD327740 OCZ327740 OMV327740 OWR327740 PGN327740 PQJ327740 QAF327740 QKB327740 QTX327740 RDT327740 RNP327740 RXL327740 SHH327740 SRD327740 TAZ327740 TKV327740 TUR327740 UEN327740 UOJ327740 UYF327740 VIB327740 VRX327740 WBT327740 WLP327740 WVL327740 D393276 IZ393276 SV393276 ACR393276 AMN393276 AWJ393276 BGF393276 BQB393276 BZX393276 CJT393276 CTP393276 DDL393276 DNH393276 DXD393276 EGZ393276 EQV393276 FAR393276 FKN393276 FUJ393276 GEF393276 GOB393276 GXX393276 HHT393276 HRP393276 IBL393276 ILH393276 IVD393276 JEZ393276 JOV393276 JYR393276 KIN393276 KSJ393276 LCF393276 LMB393276 LVX393276 MFT393276 MPP393276 MZL393276 NJH393276 NTD393276 OCZ393276 OMV393276 OWR393276 PGN393276 PQJ393276 QAF393276 QKB393276 QTX393276 RDT393276 RNP393276 RXL393276 SHH393276 SRD393276 TAZ393276 TKV393276 TUR393276 UEN393276 UOJ393276 UYF393276 VIB393276 VRX393276 WBT393276 WLP393276 WVL393276 D458812 IZ458812 SV458812 ACR458812 AMN458812 AWJ458812 BGF458812 BQB458812 BZX458812 CJT458812 CTP458812 DDL458812 DNH458812 DXD458812 EGZ458812 EQV458812 FAR458812 FKN458812 FUJ458812 GEF458812 GOB458812 GXX458812 HHT458812 HRP458812 IBL458812 ILH458812 IVD458812 JEZ458812 JOV458812 JYR458812 KIN458812 KSJ458812 LCF458812 LMB458812 LVX458812 MFT458812 MPP458812 MZL458812 NJH458812 NTD458812 OCZ458812 OMV458812 OWR458812 PGN458812 PQJ458812 QAF458812 QKB458812 QTX458812 RDT458812 RNP458812 RXL458812 SHH458812 SRD458812 TAZ458812 TKV458812 TUR458812 UEN458812 UOJ458812 UYF458812 VIB458812 VRX458812 WBT458812 WLP458812 WVL458812 D524348 IZ524348 SV524348 ACR524348 AMN524348 AWJ524348 BGF524348 BQB524348 BZX524348 CJT524348 CTP524348 DDL524348 DNH524348 DXD524348 EGZ524348 EQV524348 FAR524348 FKN524348 FUJ524348 GEF524348 GOB524348 GXX524348 HHT524348 HRP524348 IBL524348 ILH524348 IVD524348 JEZ524348 JOV524348 JYR524348 KIN524348 KSJ524348 LCF524348 LMB524348 LVX524348 MFT524348 MPP524348 MZL524348 NJH524348 NTD524348 OCZ524348 OMV524348 OWR524348 PGN524348 PQJ524348 QAF524348 QKB524348 QTX524348 RDT524348 RNP524348 RXL524348 SHH524348 SRD524348 TAZ524348 TKV524348 TUR524348 UEN524348 UOJ524348 UYF524348 VIB524348 VRX524348 WBT524348 WLP524348 WVL524348 D589884 IZ589884 SV589884 ACR589884 AMN589884 AWJ589884 BGF589884 BQB589884 BZX589884 CJT589884 CTP589884 DDL589884 DNH589884 DXD589884 EGZ589884 EQV589884 FAR589884 FKN589884 FUJ589884 GEF589884 GOB589884 GXX589884 HHT589884 HRP589884 IBL589884 ILH589884 IVD589884 JEZ589884 JOV589884 JYR589884 KIN589884 KSJ589884 LCF589884 LMB589884 LVX589884 MFT589884 MPP589884 MZL589884 NJH589884 NTD589884 OCZ589884 OMV589884 OWR589884 PGN589884 PQJ589884 QAF589884 QKB589884 QTX589884 RDT589884 RNP589884 RXL589884 SHH589884 SRD589884 TAZ589884 TKV589884 TUR589884 UEN589884 UOJ589884 UYF589884 VIB589884 VRX589884 WBT589884 WLP589884 WVL589884 D655420 IZ655420 SV655420 ACR655420 AMN655420 AWJ655420 BGF655420 BQB655420 BZX655420 CJT655420 CTP655420 DDL655420 DNH655420 DXD655420 EGZ655420 EQV655420 FAR655420 FKN655420 FUJ655420 GEF655420 GOB655420 GXX655420 HHT655420 HRP655420 IBL655420 ILH655420 IVD655420 JEZ655420 JOV655420 JYR655420 KIN655420 KSJ655420 LCF655420 LMB655420 LVX655420 MFT655420 MPP655420 MZL655420 NJH655420 NTD655420 OCZ655420 OMV655420 OWR655420 PGN655420 PQJ655420 QAF655420 QKB655420 QTX655420 RDT655420 RNP655420 RXL655420 SHH655420 SRD655420 TAZ655420 TKV655420 TUR655420 UEN655420 UOJ655420 UYF655420 VIB655420 VRX655420 WBT655420 WLP655420 WVL655420 D720956 IZ720956 SV720956 ACR720956 AMN720956 AWJ720956 BGF720956 BQB720956 BZX720956 CJT720956 CTP720956 DDL720956 DNH720956 DXD720956 EGZ720956 EQV720956 FAR720956 FKN720956 FUJ720956 GEF720956 GOB720956 GXX720956 HHT720956 HRP720956 IBL720956 ILH720956 IVD720956 JEZ720956 JOV720956 JYR720956 KIN720956 KSJ720956 LCF720956 LMB720956 LVX720956 MFT720956 MPP720956 MZL720956 NJH720956 NTD720956 OCZ720956 OMV720956 OWR720956 PGN720956 PQJ720956 QAF720956 QKB720956 QTX720956 RDT720956 RNP720956 RXL720956 SHH720956 SRD720956 TAZ720956 TKV720956 TUR720956 UEN720956 UOJ720956 UYF720956 VIB720956 VRX720956 WBT720956 WLP720956 WVL720956 D786492 IZ786492 SV786492 ACR786492 AMN786492 AWJ786492 BGF786492 BQB786492 BZX786492 CJT786492 CTP786492 DDL786492 DNH786492 DXD786492 EGZ786492 EQV786492 FAR786492 FKN786492 FUJ786492 GEF786492 GOB786492 GXX786492 HHT786492 HRP786492 IBL786492 ILH786492 IVD786492 JEZ786492 JOV786492 JYR786492 KIN786492 KSJ786492 LCF786492 LMB786492 LVX786492 MFT786492 MPP786492 MZL786492 NJH786492 NTD786492 OCZ786492 OMV786492 OWR786492 PGN786492 PQJ786492 QAF786492 QKB786492 QTX786492 RDT786492 RNP786492 RXL786492 SHH786492 SRD786492 TAZ786492 TKV786492 TUR786492 UEN786492 UOJ786492 UYF786492 VIB786492 VRX786492 WBT786492 WLP786492 WVL786492 D852028 IZ852028 SV852028 ACR852028 AMN852028 AWJ852028 BGF852028 BQB852028 BZX852028 CJT852028 CTP852028 DDL852028 DNH852028 DXD852028 EGZ852028 EQV852028 FAR852028 FKN852028 FUJ852028 GEF852028 GOB852028 GXX852028 HHT852028 HRP852028 IBL852028 ILH852028 IVD852028 JEZ852028 JOV852028 JYR852028 KIN852028 KSJ852028 LCF852028 LMB852028 LVX852028 MFT852028 MPP852028 MZL852028 NJH852028 NTD852028 OCZ852028 OMV852028 OWR852028 PGN852028 PQJ852028 QAF852028 QKB852028 QTX852028 RDT852028 RNP852028 RXL852028 SHH852028 SRD852028 TAZ852028 TKV852028 TUR852028 UEN852028 UOJ852028 UYF852028 VIB852028 VRX852028 WBT852028 WLP852028 WVL852028 D917564 IZ917564 SV917564 ACR917564 AMN917564 AWJ917564 BGF917564 BQB917564 BZX917564 CJT917564 CTP917564 DDL917564 DNH917564 DXD917564 EGZ917564 EQV917564 FAR917564 FKN917564 FUJ917564 GEF917564 GOB917564 GXX917564 HHT917564 HRP917564 IBL917564 ILH917564 IVD917564 JEZ917564 JOV917564 JYR917564 KIN917564 KSJ917564 LCF917564 LMB917564 LVX917564 MFT917564 MPP917564 MZL917564 NJH917564 NTD917564 OCZ917564 OMV917564 OWR917564 PGN917564 PQJ917564 QAF917564 QKB917564 QTX917564 RDT917564 RNP917564 RXL917564 SHH917564 SRD917564 TAZ917564 TKV917564 TUR917564 UEN917564 UOJ917564 UYF917564 VIB917564 VRX917564 WBT917564 WLP917564 WVL917564 D983100 IZ983100 SV983100 ACR983100 AMN983100 AWJ983100 BGF983100 BQB983100 BZX983100 CJT983100 CTP983100 DDL983100 DNH983100 DXD983100 EGZ983100 EQV983100 FAR983100 FKN983100 FUJ983100 GEF983100 GOB983100 GXX983100 HHT983100 HRP983100 IBL983100 ILH983100 IVD983100 JEZ983100 JOV983100 JYR983100 KIN983100 KSJ983100 LCF983100 LMB983100 LVX983100 MFT983100 MPP983100 MZL983100 NJH983100 NTD983100 OCZ983100 OMV983100 OWR983100 PGN983100 PQJ983100 QAF983100 QKB983100 QTX983100 RDT983100 RNP983100 RXL983100 SHH983100 SRD983100 TAZ983100 TKV983100 TUR983100 UEN983100 UOJ983100 UYF983100 VIB983100 VRX983100 WBT983100 WLP983100 WVL983100 G59 JC59 SY59 ACU59 AMQ59 AWM59 BGI59 BQE59 CAA59 CJW59 CTS59 DDO59 DNK59 DXG59 EHC59 EQY59 FAU59 FKQ59 FUM59 GEI59 GOE59 GYA59 HHW59 HRS59 IBO59 ILK59 IVG59 JFC59 JOY59 JYU59 KIQ59 KSM59 LCI59 LME59 LWA59 MFW59 MPS59 MZO59 NJK59 NTG59 ODC59 OMY59 OWU59 PGQ59 PQM59 QAI59 QKE59 QUA59 RDW59 RNS59 RXO59 SHK59 SRG59 TBC59 TKY59 TUU59 UEQ59 UOM59 UYI59 VIE59 VSA59 WBW59 WLS59 WVO59 G65596 JC65596 SY65596 ACU65596 AMQ65596 AWM65596 BGI65596 BQE65596 CAA65596 CJW65596 CTS65596 DDO65596 DNK65596 DXG65596 EHC65596 EQY65596 FAU65596 FKQ65596 FUM65596 GEI65596 GOE65596 GYA65596 HHW65596 HRS65596 IBO65596 ILK65596 IVG65596 JFC65596 JOY65596 JYU65596 KIQ65596 KSM65596 LCI65596 LME65596 LWA65596 MFW65596 MPS65596 MZO65596 NJK65596 NTG65596 ODC65596 OMY65596 OWU65596 PGQ65596 PQM65596 QAI65596 QKE65596 QUA65596 RDW65596 RNS65596 RXO65596 SHK65596 SRG65596 TBC65596 TKY65596 TUU65596 UEQ65596 UOM65596 UYI65596 VIE65596 VSA65596 WBW65596 WLS65596 WVO65596 G131132 JC131132 SY131132 ACU131132 AMQ131132 AWM131132 BGI131132 BQE131132 CAA131132 CJW131132 CTS131132 DDO131132 DNK131132 DXG131132 EHC131132 EQY131132 FAU131132 FKQ131132 FUM131132 GEI131132 GOE131132 GYA131132 HHW131132 HRS131132 IBO131132 ILK131132 IVG131132 JFC131132 JOY131132 JYU131132 KIQ131132 KSM131132 LCI131132 LME131132 LWA131132 MFW131132 MPS131132 MZO131132 NJK131132 NTG131132 ODC131132 OMY131132 OWU131132 PGQ131132 PQM131132 QAI131132 QKE131132 QUA131132 RDW131132 RNS131132 RXO131132 SHK131132 SRG131132 TBC131132 TKY131132 TUU131132 UEQ131132 UOM131132 UYI131132 VIE131132 VSA131132 WBW131132 WLS131132 WVO131132 G196668 JC196668 SY196668 ACU196668 AMQ196668 AWM196668 BGI196668 BQE196668 CAA196668 CJW196668 CTS196668 DDO196668 DNK196668 DXG196668 EHC196668 EQY196668 FAU196668 FKQ196668 FUM196668 GEI196668 GOE196668 GYA196668 HHW196668 HRS196668 IBO196668 ILK196668 IVG196668 JFC196668 JOY196668 JYU196668 KIQ196668 KSM196668 LCI196668 LME196668 LWA196668 MFW196668 MPS196668 MZO196668 NJK196668 NTG196668 ODC196668 OMY196668 OWU196668 PGQ196668 PQM196668 QAI196668 QKE196668 QUA196668 RDW196668 RNS196668 RXO196668 SHK196668 SRG196668 TBC196668 TKY196668 TUU196668 UEQ196668 UOM196668 UYI196668 VIE196668 VSA196668 WBW196668 WLS196668 WVO196668 G262204 JC262204 SY262204 ACU262204 AMQ262204 AWM262204 BGI262204 BQE262204 CAA262204 CJW262204 CTS262204 DDO262204 DNK262204 DXG262204 EHC262204 EQY262204 FAU262204 FKQ262204 FUM262204 GEI262204 GOE262204 GYA262204 HHW262204 HRS262204 IBO262204 ILK262204 IVG262204 JFC262204 JOY262204 JYU262204 KIQ262204 KSM262204 LCI262204 LME262204 LWA262204 MFW262204 MPS262204 MZO262204 NJK262204 NTG262204 ODC262204 OMY262204 OWU262204 PGQ262204 PQM262204 QAI262204 QKE262204 QUA262204 RDW262204 RNS262204 RXO262204 SHK262204 SRG262204 TBC262204 TKY262204 TUU262204 UEQ262204 UOM262204 UYI262204 VIE262204 VSA262204 WBW262204 WLS262204 WVO262204 G327740 JC327740 SY327740 ACU327740 AMQ327740 AWM327740 BGI327740 BQE327740 CAA327740 CJW327740 CTS327740 DDO327740 DNK327740 DXG327740 EHC327740 EQY327740 FAU327740 FKQ327740 FUM327740 GEI327740 GOE327740 GYA327740 HHW327740 HRS327740 IBO327740 ILK327740 IVG327740 JFC327740 JOY327740 JYU327740 KIQ327740 KSM327740 LCI327740 LME327740 LWA327740 MFW327740 MPS327740 MZO327740 NJK327740 NTG327740 ODC327740 OMY327740 OWU327740 PGQ327740 PQM327740 QAI327740 QKE327740 QUA327740 RDW327740 RNS327740 RXO327740 SHK327740 SRG327740 TBC327740 TKY327740 TUU327740 UEQ327740 UOM327740 UYI327740 VIE327740 VSA327740 WBW327740 WLS327740 WVO327740 G393276 JC393276 SY393276 ACU393276 AMQ393276 AWM393276 BGI393276 BQE393276 CAA393276 CJW393276 CTS393276 DDO393276 DNK393276 DXG393276 EHC393276 EQY393276 FAU393276 FKQ393276 FUM393276 GEI393276 GOE393276 GYA393276 HHW393276 HRS393276 IBO393276 ILK393276 IVG393276 JFC393276 JOY393276 JYU393276 KIQ393276 KSM393276 LCI393276 LME393276 LWA393276 MFW393276 MPS393276 MZO393276 NJK393276 NTG393276 ODC393276 OMY393276 OWU393276 PGQ393276 PQM393276 QAI393276 QKE393276 QUA393276 RDW393276 RNS393276 RXO393276 SHK393276 SRG393276 TBC393276 TKY393276 TUU393276 UEQ393276 UOM393276 UYI393276 VIE393276 VSA393276 WBW393276 WLS393276 WVO393276 G458812 JC458812 SY458812 ACU458812 AMQ458812 AWM458812 BGI458812 BQE458812 CAA458812 CJW458812 CTS458812 DDO458812 DNK458812 DXG458812 EHC458812 EQY458812 FAU458812 FKQ458812 FUM458812 GEI458812 GOE458812 GYA458812 HHW458812 HRS458812 IBO458812 ILK458812 IVG458812 JFC458812 JOY458812 JYU458812 KIQ458812 KSM458812 LCI458812 LME458812 LWA458812 MFW458812 MPS458812 MZO458812 NJK458812 NTG458812 ODC458812 OMY458812 OWU458812 PGQ458812 PQM458812 QAI458812 QKE458812 QUA458812 RDW458812 RNS458812 RXO458812 SHK458812 SRG458812 TBC458812 TKY458812 TUU458812 UEQ458812 UOM458812 UYI458812 VIE458812 VSA458812 WBW458812 WLS458812 WVO458812 G524348 JC524348 SY524348 ACU524348 AMQ524348 AWM524348 BGI524348 BQE524348 CAA524348 CJW524348 CTS524348 DDO524348 DNK524348 DXG524348 EHC524348 EQY524348 FAU524348 FKQ524348 FUM524348 GEI524348 GOE524348 GYA524348 HHW524348 HRS524348 IBO524348 ILK524348 IVG524348 JFC524348 JOY524348 JYU524348 KIQ524348 KSM524348 LCI524348 LME524348 LWA524348 MFW524348 MPS524348 MZO524348 NJK524348 NTG524348 ODC524348 OMY524348 OWU524348 PGQ524348 PQM524348 QAI524348 QKE524348 QUA524348 RDW524348 RNS524348 RXO524348 SHK524348 SRG524348 TBC524348 TKY524348 TUU524348 UEQ524348 UOM524348 UYI524348 VIE524348 VSA524348 WBW524348 WLS524348 WVO524348 G589884 JC589884 SY589884 ACU589884 AMQ589884 AWM589884 BGI589884 BQE589884 CAA589884 CJW589884 CTS589884 DDO589884 DNK589884 DXG589884 EHC589884 EQY589884 FAU589884 FKQ589884 FUM589884 GEI589884 GOE589884 GYA589884 HHW589884 HRS589884 IBO589884 ILK589884 IVG589884 JFC589884 JOY589884 JYU589884 KIQ589884 KSM589884 LCI589884 LME589884 LWA589884 MFW589884 MPS589884 MZO589884 NJK589884 NTG589884 ODC589884 OMY589884 OWU589884 PGQ589884 PQM589884 QAI589884 QKE589884 QUA589884 RDW589884 RNS589884 RXO589884 SHK589884 SRG589884 TBC589884 TKY589884 TUU589884 UEQ589884 UOM589884 UYI589884 VIE589884 VSA589884 WBW589884 WLS589884 WVO589884 G655420 JC655420 SY655420 ACU655420 AMQ655420 AWM655420 BGI655420 BQE655420 CAA655420 CJW655420 CTS655420 DDO655420 DNK655420 DXG655420 EHC655420 EQY655420 FAU655420 FKQ655420 FUM655420 GEI655420 GOE655420 GYA655420 HHW655420 HRS655420 IBO655420 ILK655420 IVG655420 JFC655420 JOY655420 JYU655420 KIQ655420 KSM655420 LCI655420 LME655420 LWA655420 MFW655420 MPS655420 MZO655420 NJK655420 NTG655420 ODC655420 OMY655420 OWU655420 PGQ655420 PQM655420 QAI655420 QKE655420 QUA655420 RDW655420 RNS655420 RXO655420 SHK655420 SRG655420 TBC655420 TKY655420 TUU655420 UEQ655420 UOM655420 UYI655420 VIE655420 VSA655420 WBW655420 WLS655420 WVO655420 G720956 JC720956 SY720956 ACU720956 AMQ720956 AWM720956 BGI720956 BQE720956 CAA720956 CJW720956 CTS720956 DDO720956 DNK720956 DXG720956 EHC720956 EQY720956 FAU720956 FKQ720956 FUM720956 GEI720956 GOE720956 GYA720956 HHW720956 HRS720956 IBO720956 ILK720956 IVG720956 JFC720956 JOY720956 JYU720956 KIQ720956 KSM720956 LCI720956 LME720956 LWA720956 MFW720956 MPS720956 MZO720956 NJK720956 NTG720956 ODC720956 OMY720956 OWU720956 PGQ720956 PQM720956 QAI720956 QKE720956 QUA720956 RDW720956 RNS720956 RXO720956 SHK720956 SRG720956 TBC720956 TKY720956 TUU720956 UEQ720956 UOM720956 UYI720956 VIE720956 VSA720956 WBW720956 WLS720956 WVO720956 G786492 JC786492 SY786492 ACU786492 AMQ786492 AWM786492 BGI786492 BQE786492 CAA786492 CJW786492 CTS786492 DDO786492 DNK786492 DXG786492 EHC786492 EQY786492 FAU786492 FKQ786492 FUM786492 GEI786492 GOE786492 GYA786492 HHW786492 HRS786492 IBO786492 ILK786492 IVG786492 JFC786492 JOY786492 JYU786492 KIQ786492 KSM786492 LCI786492 LME786492 LWA786492 MFW786492 MPS786492 MZO786492 NJK786492 NTG786492 ODC786492 OMY786492 OWU786492 PGQ786492 PQM786492 QAI786492 QKE786492 QUA786492 RDW786492 RNS786492 RXO786492 SHK786492 SRG786492 TBC786492 TKY786492 TUU786492 UEQ786492 UOM786492 UYI786492 VIE786492 VSA786492 WBW786492 WLS786492 WVO786492 G852028 JC852028 SY852028 ACU852028 AMQ852028 AWM852028 BGI852028 BQE852028 CAA852028 CJW852028 CTS852028 DDO852028 DNK852028 DXG852028 EHC852028 EQY852028 FAU852028 FKQ852028 FUM852028 GEI852028 GOE852028 GYA852028 HHW852028 HRS852028 IBO852028 ILK852028 IVG852028 JFC852028 JOY852028 JYU852028 KIQ852028 KSM852028 LCI852028 LME852028 LWA852028 MFW852028 MPS852028 MZO852028 NJK852028 NTG852028 ODC852028 OMY852028 OWU852028 PGQ852028 PQM852028 QAI852028 QKE852028 QUA852028 RDW852028 RNS852028 RXO852028 SHK852028 SRG852028 TBC852028 TKY852028 TUU852028 UEQ852028 UOM852028 UYI852028 VIE852028 VSA852028 WBW852028 WLS852028 WVO852028 G917564 JC917564 SY917564 ACU917564 AMQ917564 AWM917564 BGI917564 BQE917564 CAA917564 CJW917564 CTS917564 DDO917564 DNK917564 DXG917564 EHC917564 EQY917564 FAU917564 FKQ917564 FUM917564 GEI917564 GOE917564 GYA917564 HHW917564 HRS917564 IBO917564 ILK917564 IVG917564 JFC917564 JOY917564 JYU917564 KIQ917564 KSM917564 LCI917564 LME917564 LWA917564 MFW917564 MPS917564 MZO917564 NJK917564 NTG917564 ODC917564 OMY917564 OWU917564 PGQ917564 PQM917564 QAI917564 QKE917564 QUA917564 RDW917564 RNS917564 RXO917564 SHK917564 SRG917564 TBC917564 TKY917564 TUU917564 UEQ917564 UOM917564 UYI917564 VIE917564 VSA917564 WBW917564 WLS917564 WVO917564 G983100 JC983100 SY983100 ACU983100 AMQ983100 AWM983100 BGI983100 BQE983100 CAA983100 CJW983100 CTS983100 DDO983100 DNK983100 DXG983100 EHC983100 EQY983100 FAU983100 FKQ983100 FUM983100 GEI983100 GOE983100 GYA983100 HHW983100 HRS983100 IBO983100 ILK983100 IVG983100 JFC983100 JOY983100 JYU983100 KIQ983100 KSM983100 LCI983100 LME983100 LWA983100 MFW983100 MPS983100 MZO983100 NJK983100 NTG983100 ODC983100 OMY983100 OWU983100 PGQ983100 PQM983100 QAI983100 QKE983100 QUA983100 RDW983100 RNS983100 RXO983100 SHK983100 SRG983100 TBC983100 TKY983100 TUU983100 UEQ983100 UOM983100 UYI983100 VIE983100 VSA983100 WBW983100 WLS983100 WVO983100 Y54 JU54 TQ54 ADM54 ANI54 AXE54 BHA54 BQW54 CAS54 CKO54 CUK54 DEG54 DOC54 DXY54 EHU54 ERQ54 FBM54 FLI54 FVE54 GFA54 GOW54 GYS54 HIO54 HSK54 ICG54 IMC54 IVY54 JFU54 JPQ54 JZM54 KJI54 KTE54 LDA54 LMW54 LWS54 MGO54 MQK54 NAG54 NKC54 NTY54 ODU54 ONQ54 OXM54 PHI54 PRE54 QBA54 QKW54 QUS54 REO54 ROK54 RYG54 SIC54 SRY54 TBU54 TLQ54 TVM54 UFI54 UPE54 UZA54 VIW54 VSS54 WCO54 WMK54 WWG54 Y65591 JU65591 TQ65591 ADM65591 ANI65591 AXE65591 BHA65591 BQW65591 CAS65591 CKO65591 CUK65591 DEG65591 DOC65591 DXY65591 EHU65591 ERQ65591 FBM65591 FLI65591 FVE65591 GFA65591 GOW65591 GYS65591 HIO65591 HSK65591 ICG65591 IMC65591 IVY65591 JFU65591 JPQ65591 JZM65591 KJI65591 KTE65591 LDA65591 LMW65591 LWS65591 MGO65591 MQK65591 NAG65591 NKC65591 NTY65591 ODU65591 ONQ65591 OXM65591 PHI65591 PRE65591 QBA65591 QKW65591 QUS65591 REO65591 ROK65591 RYG65591 SIC65591 SRY65591 TBU65591 TLQ65591 TVM65591 UFI65591 UPE65591 UZA65591 VIW65591 VSS65591 WCO65591 WMK65591 WWG65591 Y131127 JU131127 TQ131127 ADM131127 ANI131127 AXE131127 BHA131127 BQW131127 CAS131127 CKO131127 CUK131127 DEG131127 DOC131127 DXY131127 EHU131127 ERQ131127 FBM131127 FLI131127 FVE131127 GFA131127 GOW131127 GYS131127 HIO131127 HSK131127 ICG131127 IMC131127 IVY131127 JFU131127 JPQ131127 JZM131127 KJI131127 KTE131127 LDA131127 LMW131127 LWS131127 MGO131127 MQK131127 NAG131127 NKC131127 NTY131127 ODU131127 ONQ131127 OXM131127 PHI131127 PRE131127 QBA131127 QKW131127 QUS131127 REO131127 ROK131127 RYG131127 SIC131127 SRY131127 TBU131127 TLQ131127 TVM131127 UFI131127 UPE131127 UZA131127 VIW131127 VSS131127 WCO131127 WMK131127 WWG131127 Y196663 JU196663 TQ196663 ADM196663 ANI196663 AXE196663 BHA196663 BQW196663 CAS196663 CKO196663 CUK196663 DEG196663 DOC196663 DXY196663 EHU196663 ERQ196663 FBM196663 FLI196663 FVE196663 GFA196663 GOW196663 GYS196663 HIO196663 HSK196663 ICG196663 IMC196663 IVY196663 JFU196663 JPQ196663 JZM196663 KJI196663 KTE196663 LDA196663 LMW196663 LWS196663 MGO196663 MQK196663 NAG196663 NKC196663 NTY196663 ODU196663 ONQ196663 OXM196663 PHI196663 PRE196663 QBA196663 QKW196663 QUS196663 REO196663 ROK196663 RYG196663 SIC196663 SRY196663 TBU196663 TLQ196663 TVM196663 UFI196663 UPE196663 UZA196663 VIW196663 VSS196663 WCO196663 WMK196663 WWG196663 Y262199 JU262199 TQ262199 ADM262199 ANI262199 AXE262199 BHA262199 BQW262199 CAS262199 CKO262199 CUK262199 DEG262199 DOC262199 DXY262199 EHU262199 ERQ262199 FBM262199 FLI262199 FVE262199 GFA262199 GOW262199 GYS262199 HIO262199 HSK262199 ICG262199 IMC262199 IVY262199 JFU262199 JPQ262199 JZM262199 KJI262199 KTE262199 LDA262199 LMW262199 LWS262199 MGO262199 MQK262199 NAG262199 NKC262199 NTY262199 ODU262199 ONQ262199 OXM262199 PHI262199 PRE262199 QBA262199 QKW262199 QUS262199 REO262199 ROK262199 RYG262199 SIC262199 SRY262199 TBU262199 TLQ262199 TVM262199 UFI262199 UPE262199 UZA262199 VIW262199 VSS262199 WCO262199 WMK262199 WWG262199 Y327735 JU327735 TQ327735 ADM327735 ANI327735 AXE327735 BHA327735 BQW327735 CAS327735 CKO327735 CUK327735 DEG327735 DOC327735 DXY327735 EHU327735 ERQ327735 FBM327735 FLI327735 FVE327735 GFA327735 GOW327735 GYS327735 HIO327735 HSK327735 ICG327735 IMC327735 IVY327735 JFU327735 JPQ327735 JZM327735 KJI327735 KTE327735 LDA327735 LMW327735 LWS327735 MGO327735 MQK327735 NAG327735 NKC327735 NTY327735 ODU327735 ONQ327735 OXM327735 PHI327735 PRE327735 QBA327735 QKW327735 QUS327735 REO327735 ROK327735 RYG327735 SIC327735 SRY327735 TBU327735 TLQ327735 TVM327735 UFI327735 UPE327735 UZA327735 VIW327735 VSS327735 WCO327735 WMK327735 WWG327735 Y393271 JU393271 TQ393271 ADM393271 ANI393271 AXE393271 BHA393271 BQW393271 CAS393271 CKO393271 CUK393271 DEG393271 DOC393271 DXY393271 EHU393271 ERQ393271 FBM393271 FLI393271 FVE393271 GFA393271 GOW393271 GYS393271 HIO393271 HSK393271 ICG393271 IMC393271 IVY393271 JFU393271 JPQ393271 JZM393271 KJI393271 KTE393271 LDA393271 LMW393271 LWS393271 MGO393271 MQK393271 NAG393271 NKC393271 NTY393271 ODU393271 ONQ393271 OXM393271 PHI393271 PRE393271 QBA393271 QKW393271 QUS393271 REO393271 ROK393271 RYG393271 SIC393271 SRY393271 TBU393271 TLQ393271 TVM393271 UFI393271 UPE393271 UZA393271 VIW393271 VSS393271 WCO393271 WMK393271 WWG393271 Y458807 JU458807 TQ458807 ADM458807 ANI458807 AXE458807 BHA458807 BQW458807 CAS458807 CKO458807 CUK458807 DEG458807 DOC458807 DXY458807 EHU458807 ERQ458807 FBM458807 FLI458807 FVE458807 GFA458807 GOW458807 GYS458807 HIO458807 HSK458807 ICG458807 IMC458807 IVY458807 JFU458807 JPQ458807 JZM458807 KJI458807 KTE458807 LDA458807 LMW458807 LWS458807 MGO458807 MQK458807 NAG458807 NKC458807 NTY458807 ODU458807 ONQ458807 OXM458807 PHI458807 PRE458807 QBA458807 QKW458807 QUS458807 REO458807 ROK458807 RYG458807 SIC458807 SRY458807 TBU458807 TLQ458807 TVM458807 UFI458807 UPE458807 UZA458807 VIW458807 VSS458807 WCO458807 WMK458807 WWG458807 Y524343 JU524343 TQ524343 ADM524343 ANI524343 AXE524343 BHA524343 BQW524343 CAS524343 CKO524343 CUK524343 DEG524343 DOC524343 DXY524343 EHU524343 ERQ524343 FBM524343 FLI524343 FVE524343 GFA524343 GOW524343 GYS524343 HIO524343 HSK524343 ICG524343 IMC524343 IVY524343 JFU524343 JPQ524343 JZM524343 KJI524343 KTE524343 LDA524343 LMW524343 LWS524343 MGO524343 MQK524343 NAG524343 NKC524343 NTY524343 ODU524343 ONQ524343 OXM524343 PHI524343 PRE524343 QBA524343 QKW524343 QUS524343 REO524343 ROK524343 RYG524343 SIC524343 SRY524343 TBU524343 TLQ524343 TVM524343 UFI524343 UPE524343 UZA524343 VIW524343 VSS524343 WCO524343 WMK524343 WWG524343 Y589879 JU589879 TQ589879 ADM589879 ANI589879 AXE589879 BHA589879 BQW589879 CAS589879 CKO589879 CUK589879 DEG589879 DOC589879 DXY589879 EHU589879 ERQ589879 FBM589879 FLI589879 FVE589879 GFA589879 GOW589879 GYS589879 HIO589879 HSK589879 ICG589879 IMC589879 IVY589879 JFU589879 JPQ589879 JZM589879 KJI589879 KTE589879 LDA589879 LMW589879 LWS589879 MGO589879 MQK589879 NAG589879 NKC589879 NTY589879 ODU589879 ONQ589879 OXM589879 PHI589879 PRE589879 QBA589879 QKW589879 QUS589879 REO589879 ROK589879 RYG589879 SIC589879 SRY589879 TBU589879 TLQ589879 TVM589879 UFI589879 UPE589879 UZA589879 VIW589879 VSS589879 WCO589879 WMK589879 WWG589879 Y655415 JU655415 TQ655415 ADM655415 ANI655415 AXE655415 BHA655415 BQW655415 CAS655415 CKO655415 CUK655415 DEG655415 DOC655415 DXY655415 EHU655415 ERQ655415 FBM655415 FLI655415 FVE655415 GFA655415 GOW655415 GYS655415 HIO655415 HSK655415 ICG655415 IMC655415 IVY655415 JFU655415 JPQ655415 JZM655415 KJI655415 KTE655415 LDA655415 LMW655415 LWS655415 MGO655415 MQK655415 NAG655415 NKC655415 NTY655415 ODU655415 ONQ655415 OXM655415 PHI655415 PRE655415 QBA655415 QKW655415 QUS655415 REO655415 ROK655415 RYG655415 SIC655415 SRY655415 TBU655415 TLQ655415 TVM655415 UFI655415 UPE655415 UZA655415 VIW655415 VSS655415 WCO655415 WMK655415 WWG655415 Y720951 JU720951 TQ720951 ADM720951 ANI720951 AXE720951 BHA720951 BQW720951 CAS720951 CKO720951 CUK720951 DEG720951 DOC720951 DXY720951 EHU720951 ERQ720951 FBM720951 FLI720951 FVE720951 GFA720951 GOW720951 GYS720951 HIO720951 HSK720951 ICG720951 IMC720951 IVY720951 JFU720951 JPQ720951 JZM720951 KJI720951 KTE720951 LDA720951 LMW720951 LWS720951 MGO720951 MQK720951 NAG720951 NKC720951 NTY720951 ODU720951 ONQ720951 OXM720951 PHI720951 PRE720951 QBA720951 QKW720951 QUS720951 REO720951 ROK720951 RYG720951 SIC720951 SRY720951 TBU720951 TLQ720951 TVM720951 UFI720951 UPE720951 UZA720951 VIW720951 VSS720951 WCO720951 WMK720951 WWG720951 Y786487 JU786487 TQ786487 ADM786487 ANI786487 AXE786487 BHA786487 BQW786487 CAS786487 CKO786487 CUK786487 DEG786487 DOC786487 DXY786487 EHU786487 ERQ786487 FBM786487 FLI786487 FVE786487 GFA786487 GOW786487 GYS786487 HIO786487 HSK786487 ICG786487 IMC786487 IVY786487 JFU786487 JPQ786487 JZM786487 KJI786487 KTE786487 LDA786487 LMW786487 LWS786487 MGO786487 MQK786487 NAG786487 NKC786487 NTY786487 ODU786487 ONQ786487 OXM786487 PHI786487 PRE786487 QBA786487 QKW786487 QUS786487 REO786487 ROK786487 RYG786487 SIC786487 SRY786487 TBU786487 TLQ786487 TVM786487 UFI786487 UPE786487 UZA786487 VIW786487 VSS786487 WCO786487 WMK786487 WWG786487 Y852023 JU852023 TQ852023 ADM852023 ANI852023 AXE852023 BHA852023 BQW852023 CAS852023 CKO852023 CUK852023 DEG852023 DOC852023 DXY852023 EHU852023 ERQ852023 FBM852023 FLI852023 FVE852023 GFA852023 GOW852023 GYS852023 HIO852023 HSK852023 ICG852023 IMC852023 IVY852023 JFU852023 JPQ852023 JZM852023 KJI852023 KTE852023 LDA852023 LMW852023 LWS852023 MGO852023 MQK852023 NAG852023 NKC852023 NTY852023 ODU852023 ONQ852023 OXM852023 PHI852023 PRE852023 QBA852023 QKW852023 QUS852023 REO852023 ROK852023 RYG852023 SIC852023 SRY852023 TBU852023 TLQ852023 TVM852023 UFI852023 UPE852023 UZA852023 VIW852023 VSS852023 WCO852023 WMK852023 WWG852023 Y917559 JU917559 TQ917559 ADM917559 ANI917559 AXE917559 BHA917559 BQW917559 CAS917559 CKO917559 CUK917559 DEG917559 DOC917559 DXY917559 EHU917559 ERQ917559 FBM917559 FLI917559 FVE917559 GFA917559 GOW917559 GYS917559 HIO917559 HSK917559 ICG917559 IMC917559 IVY917559 JFU917559 JPQ917559 JZM917559 KJI917559 KTE917559 LDA917559 LMW917559 LWS917559 MGO917559 MQK917559 NAG917559 NKC917559 NTY917559 ODU917559 ONQ917559 OXM917559 PHI917559 PRE917559 QBA917559 QKW917559 QUS917559 REO917559 ROK917559 RYG917559 SIC917559 SRY917559 TBU917559 TLQ917559 TVM917559 UFI917559 UPE917559 UZA917559 VIW917559 VSS917559 WCO917559 WMK917559 WWG917559 Y983095 JU983095 TQ983095 ADM983095 ANI983095 AXE983095 BHA983095 BQW983095 CAS983095 CKO983095 CUK983095 DEG983095 DOC983095 DXY983095 EHU983095 ERQ983095 FBM983095 FLI983095 FVE983095 GFA983095 GOW983095 GYS983095 HIO983095 HSK983095 ICG983095 IMC983095 IVY983095 JFU983095 JPQ983095 JZM983095 KJI983095 KTE983095 LDA983095 LMW983095 LWS983095 MGO983095 MQK983095 NAG983095 NKC983095 NTY983095 ODU983095 ONQ983095 OXM983095 PHI983095 PRE983095 QBA983095 QKW983095 QUS983095 REO983095 ROK983095 RYG983095 SIC983095 SRY983095 TBU983095 TLQ983095 TVM983095 UFI983095 UPE983095 UZA983095 VIW983095 VSS983095 WCO983095 WMK983095 WWG983095 AA46:AA49 JW46:JW49 TS46:TS49 ADO46:ADO49 ANK46:ANK49 AXG46:AXG49 BHC46:BHC49 BQY46:BQY49 CAU46:CAU49 CKQ46:CKQ49 CUM46:CUM49 DEI46:DEI49 DOE46:DOE49 DYA46:DYA49 EHW46:EHW49 ERS46:ERS49 FBO46:FBO49 FLK46:FLK49 FVG46:FVG49 GFC46:GFC49 GOY46:GOY49 GYU46:GYU49 HIQ46:HIQ49 HSM46:HSM49 ICI46:ICI49 IME46:IME49 IWA46:IWA49 JFW46:JFW49 JPS46:JPS49 JZO46:JZO49 KJK46:KJK49 KTG46:KTG49 LDC46:LDC49 LMY46:LMY49 LWU46:LWU49 MGQ46:MGQ49 MQM46:MQM49 NAI46:NAI49 NKE46:NKE49 NUA46:NUA49 ODW46:ODW49 ONS46:ONS49 OXO46:OXO49 PHK46:PHK49 PRG46:PRG49 QBC46:QBC49 QKY46:QKY49 QUU46:QUU49 REQ46:REQ49 ROM46:ROM49 RYI46:RYI49 SIE46:SIE49 SSA46:SSA49 TBW46:TBW49 TLS46:TLS49 TVO46:TVO49 UFK46:UFK49 UPG46:UPG49 UZC46:UZC49 VIY46:VIY49 VSU46:VSU49 WCQ46:WCQ49 WMM46:WMM49 WWI46:WWI49 AA65583:AA65586 JW65583:JW65586 TS65583:TS65586 ADO65583:ADO65586 ANK65583:ANK65586 AXG65583:AXG65586 BHC65583:BHC65586 BQY65583:BQY65586 CAU65583:CAU65586 CKQ65583:CKQ65586 CUM65583:CUM65586 DEI65583:DEI65586 DOE65583:DOE65586 DYA65583:DYA65586 EHW65583:EHW65586 ERS65583:ERS65586 FBO65583:FBO65586 FLK65583:FLK65586 FVG65583:FVG65586 GFC65583:GFC65586 GOY65583:GOY65586 GYU65583:GYU65586 HIQ65583:HIQ65586 HSM65583:HSM65586 ICI65583:ICI65586 IME65583:IME65586 IWA65583:IWA65586 JFW65583:JFW65586 JPS65583:JPS65586 JZO65583:JZO65586 KJK65583:KJK65586 KTG65583:KTG65586 LDC65583:LDC65586 LMY65583:LMY65586 LWU65583:LWU65586 MGQ65583:MGQ65586 MQM65583:MQM65586 NAI65583:NAI65586 NKE65583:NKE65586 NUA65583:NUA65586 ODW65583:ODW65586 ONS65583:ONS65586 OXO65583:OXO65586 PHK65583:PHK65586 PRG65583:PRG65586 QBC65583:QBC65586 QKY65583:QKY65586 QUU65583:QUU65586 REQ65583:REQ65586 ROM65583:ROM65586 RYI65583:RYI65586 SIE65583:SIE65586 SSA65583:SSA65586 TBW65583:TBW65586 TLS65583:TLS65586 TVO65583:TVO65586 UFK65583:UFK65586 UPG65583:UPG65586 UZC65583:UZC65586 VIY65583:VIY65586 VSU65583:VSU65586 WCQ65583:WCQ65586 WMM65583:WMM65586 WWI65583:WWI65586 AA131119:AA131122 JW131119:JW131122 TS131119:TS131122 ADO131119:ADO131122 ANK131119:ANK131122 AXG131119:AXG131122 BHC131119:BHC131122 BQY131119:BQY131122 CAU131119:CAU131122 CKQ131119:CKQ131122 CUM131119:CUM131122 DEI131119:DEI131122 DOE131119:DOE131122 DYA131119:DYA131122 EHW131119:EHW131122 ERS131119:ERS131122 FBO131119:FBO131122 FLK131119:FLK131122 FVG131119:FVG131122 GFC131119:GFC131122 GOY131119:GOY131122 GYU131119:GYU131122 HIQ131119:HIQ131122 HSM131119:HSM131122 ICI131119:ICI131122 IME131119:IME131122 IWA131119:IWA131122 JFW131119:JFW131122 JPS131119:JPS131122 JZO131119:JZO131122 KJK131119:KJK131122 KTG131119:KTG131122 LDC131119:LDC131122 LMY131119:LMY131122 LWU131119:LWU131122 MGQ131119:MGQ131122 MQM131119:MQM131122 NAI131119:NAI131122 NKE131119:NKE131122 NUA131119:NUA131122 ODW131119:ODW131122 ONS131119:ONS131122 OXO131119:OXO131122 PHK131119:PHK131122 PRG131119:PRG131122 QBC131119:QBC131122 QKY131119:QKY131122 QUU131119:QUU131122 REQ131119:REQ131122 ROM131119:ROM131122 RYI131119:RYI131122 SIE131119:SIE131122 SSA131119:SSA131122 TBW131119:TBW131122 TLS131119:TLS131122 TVO131119:TVO131122 UFK131119:UFK131122 UPG131119:UPG131122 UZC131119:UZC131122 VIY131119:VIY131122 VSU131119:VSU131122 WCQ131119:WCQ131122 WMM131119:WMM131122 WWI131119:WWI131122 AA196655:AA196658 JW196655:JW196658 TS196655:TS196658 ADO196655:ADO196658 ANK196655:ANK196658 AXG196655:AXG196658 BHC196655:BHC196658 BQY196655:BQY196658 CAU196655:CAU196658 CKQ196655:CKQ196658 CUM196655:CUM196658 DEI196655:DEI196658 DOE196655:DOE196658 DYA196655:DYA196658 EHW196655:EHW196658 ERS196655:ERS196658 FBO196655:FBO196658 FLK196655:FLK196658 FVG196655:FVG196658 GFC196655:GFC196658 GOY196655:GOY196658 GYU196655:GYU196658 HIQ196655:HIQ196658 HSM196655:HSM196658 ICI196655:ICI196658 IME196655:IME196658 IWA196655:IWA196658 JFW196655:JFW196658 JPS196655:JPS196658 JZO196655:JZO196658 KJK196655:KJK196658 KTG196655:KTG196658 LDC196655:LDC196658 LMY196655:LMY196658 LWU196655:LWU196658 MGQ196655:MGQ196658 MQM196655:MQM196658 NAI196655:NAI196658 NKE196655:NKE196658 NUA196655:NUA196658 ODW196655:ODW196658 ONS196655:ONS196658 OXO196655:OXO196658 PHK196655:PHK196658 PRG196655:PRG196658 QBC196655:QBC196658 QKY196655:QKY196658 QUU196655:QUU196658 REQ196655:REQ196658 ROM196655:ROM196658 RYI196655:RYI196658 SIE196655:SIE196658 SSA196655:SSA196658 TBW196655:TBW196658 TLS196655:TLS196658 TVO196655:TVO196658 UFK196655:UFK196658 UPG196655:UPG196658 UZC196655:UZC196658 VIY196655:VIY196658 VSU196655:VSU196658 WCQ196655:WCQ196658 WMM196655:WMM196658 WWI196655:WWI196658 AA262191:AA262194 JW262191:JW262194 TS262191:TS262194 ADO262191:ADO262194 ANK262191:ANK262194 AXG262191:AXG262194 BHC262191:BHC262194 BQY262191:BQY262194 CAU262191:CAU262194 CKQ262191:CKQ262194 CUM262191:CUM262194 DEI262191:DEI262194 DOE262191:DOE262194 DYA262191:DYA262194 EHW262191:EHW262194 ERS262191:ERS262194 FBO262191:FBO262194 FLK262191:FLK262194 FVG262191:FVG262194 GFC262191:GFC262194 GOY262191:GOY262194 GYU262191:GYU262194 HIQ262191:HIQ262194 HSM262191:HSM262194 ICI262191:ICI262194 IME262191:IME262194 IWA262191:IWA262194 JFW262191:JFW262194 JPS262191:JPS262194 JZO262191:JZO262194 KJK262191:KJK262194 KTG262191:KTG262194 LDC262191:LDC262194 LMY262191:LMY262194 LWU262191:LWU262194 MGQ262191:MGQ262194 MQM262191:MQM262194 NAI262191:NAI262194 NKE262191:NKE262194 NUA262191:NUA262194 ODW262191:ODW262194 ONS262191:ONS262194 OXO262191:OXO262194 PHK262191:PHK262194 PRG262191:PRG262194 QBC262191:QBC262194 QKY262191:QKY262194 QUU262191:QUU262194 REQ262191:REQ262194 ROM262191:ROM262194 RYI262191:RYI262194 SIE262191:SIE262194 SSA262191:SSA262194 TBW262191:TBW262194 TLS262191:TLS262194 TVO262191:TVO262194 UFK262191:UFK262194 UPG262191:UPG262194 UZC262191:UZC262194 VIY262191:VIY262194 VSU262191:VSU262194 WCQ262191:WCQ262194 WMM262191:WMM262194 WWI262191:WWI262194 AA327727:AA327730 JW327727:JW327730 TS327727:TS327730 ADO327727:ADO327730 ANK327727:ANK327730 AXG327727:AXG327730 BHC327727:BHC327730 BQY327727:BQY327730 CAU327727:CAU327730 CKQ327727:CKQ327730 CUM327727:CUM327730 DEI327727:DEI327730 DOE327727:DOE327730 DYA327727:DYA327730 EHW327727:EHW327730 ERS327727:ERS327730 FBO327727:FBO327730 FLK327727:FLK327730 FVG327727:FVG327730 GFC327727:GFC327730 GOY327727:GOY327730 GYU327727:GYU327730 HIQ327727:HIQ327730 HSM327727:HSM327730 ICI327727:ICI327730 IME327727:IME327730 IWA327727:IWA327730 JFW327727:JFW327730 JPS327727:JPS327730 JZO327727:JZO327730 KJK327727:KJK327730 KTG327727:KTG327730 LDC327727:LDC327730 LMY327727:LMY327730 LWU327727:LWU327730 MGQ327727:MGQ327730 MQM327727:MQM327730 NAI327727:NAI327730 NKE327727:NKE327730 NUA327727:NUA327730 ODW327727:ODW327730 ONS327727:ONS327730 OXO327727:OXO327730 PHK327727:PHK327730 PRG327727:PRG327730 QBC327727:QBC327730 QKY327727:QKY327730 QUU327727:QUU327730 REQ327727:REQ327730 ROM327727:ROM327730 RYI327727:RYI327730 SIE327727:SIE327730 SSA327727:SSA327730 TBW327727:TBW327730 TLS327727:TLS327730 TVO327727:TVO327730 UFK327727:UFK327730 UPG327727:UPG327730 UZC327727:UZC327730 VIY327727:VIY327730 VSU327727:VSU327730 WCQ327727:WCQ327730 WMM327727:WMM327730 WWI327727:WWI327730 AA393263:AA393266 JW393263:JW393266 TS393263:TS393266 ADO393263:ADO393266 ANK393263:ANK393266 AXG393263:AXG393266 BHC393263:BHC393266 BQY393263:BQY393266 CAU393263:CAU393266 CKQ393263:CKQ393266 CUM393263:CUM393266 DEI393263:DEI393266 DOE393263:DOE393266 DYA393263:DYA393266 EHW393263:EHW393266 ERS393263:ERS393266 FBO393263:FBO393266 FLK393263:FLK393266 FVG393263:FVG393266 GFC393263:GFC393266 GOY393263:GOY393266 GYU393263:GYU393266 HIQ393263:HIQ393266 HSM393263:HSM393266 ICI393263:ICI393266 IME393263:IME393266 IWA393263:IWA393266 JFW393263:JFW393266 JPS393263:JPS393266 JZO393263:JZO393266 KJK393263:KJK393266 KTG393263:KTG393266 LDC393263:LDC393266 LMY393263:LMY393266 LWU393263:LWU393266 MGQ393263:MGQ393266 MQM393263:MQM393266 NAI393263:NAI393266 NKE393263:NKE393266 NUA393263:NUA393266 ODW393263:ODW393266 ONS393263:ONS393266 OXO393263:OXO393266 PHK393263:PHK393266 PRG393263:PRG393266 QBC393263:QBC393266 QKY393263:QKY393266 QUU393263:QUU393266 REQ393263:REQ393266 ROM393263:ROM393266 RYI393263:RYI393266 SIE393263:SIE393266 SSA393263:SSA393266 TBW393263:TBW393266 TLS393263:TLS393266 TVO393263:TVO393266 UFK393263:UFK393266 UPG393263:UPG393266 UZC393263:UZC393266 VIY393263:VIY393266 VSU393263:VSU393266 WCQ393263:WCQ393266 WMM393263:WMM393266 WWI393263:WWI393266 AA458799:AA458802 JW458799:JW458802 TS458799:TS458802 ADO458799:ADO458802 ANK458799:ANK458802 AXG458799:AXG458802 BHC458799:BHC458802 BQY458799:BQY458802 CAU458799:CAU458802 CKQ458799:CKQ458802 CUM458799:CUM458802 DEI458799:DEI458802 DOE458799:DOE458802 DYA458799:DYA458802 EHW458799:EHW458802 ERS458799:ERS458802 FBO458799:FBO458802 FLK458799:FLK458802 FVG458799:FVG458802 GFC458799:GFC458802 GOY458799:GOY458802 GYU458799:GYU458802 HIQ458799:HIQ458802 HSM458799:HSM458802 ICI458799:ICI458802 IME458799:IME458802 IWA458799:IWA458802 JFW458799:JFW458802 JPS458799:JPS458802 JZO458799:JZO458802 KJK458799:KJK458802 KTG458799:KTG458802 LDC458799:LDC458802 LMY458799:LMY458802 LWU458799:LWU458802 MGQ458799:MGQ458802 MQM458799:MQM458802 NAI458799:NAI458802 NKE458799:NKE458802 NUA458799:NUA458802 ODW458799:ODW458802 ONS458799:ONS458802 OXO458799:OXO458802 PHK458799:PHK458802 PRG458799:PRG458802 QBC458799:QBC458802 QKY458799:QKY458802 QUU458799:QUU458802 REQ458799:REQ458802 ROM458799:ROM458802 RYI458799:RYI458802 SIE458799:SIE458802 SSA458799:SSA458802 TBW458799:TBW458802 TLS458799:TLS458802 TVO458799:TVO458802 UFK458799:UFK458802 UPG458799:UPG458802 UZC458799:UZC458802 VIY458799:VIY458802 VSU458799:VSU458802 WCQ458799:WCQ458802 WMM458799:WMM458802 WWI458799:WWI458802 AA524335:AA524338 JW524335:JW524338 TS524335:TS524338 ADO524335:ADO524338 ANK524335:ANK524338 AXG524335:AXG524338 BHC524335:BHC524338 BQY524335:BQY524338 CAU524335:CAU524338 CKQ524335:CKQ524338 CUM524335:CUM524338 DEI524335:DEI524338 DOE524335:DOE524338 DYA524335:DYA524338 EHW524335:EHW524338 ERS524335:ERS524338 FBO524335:FBO524338 FLK524335:FLK524338 FVG524335:FVG524338 GFC524335:GFC524338 GOY524335:GOY524338 GYU524335:GYU524338 HIQ524335:HIQ524338 HSM524335:HSM524338 ICI524335:ICI524338 IME524335:IME524338 IWA524335:IWA524338 JFW524335:JFW524338 JPS524335:JPS524338 JZO524335:JZO524338 KJK524335:KJK524338 KTG524335:KTG524338 LDC524335:LDC524338 LMY524335:LMY524338 LWU524335:LWU524338 MGQ524335:MGQ524338 MQM524335:MQM524338 NAI524335:NAI524338 NKE524335:NKE524338 NUA524335:NUA524338 ODW524335:ODW524338 ONS524335:ONS524338 OXO524335:OXO524338 PHK524335:PHK524338 PRG524335:PRG524338 QBC524335:QBC524338 QKY524335:QKY524338 QUU524335:QUU524338 REQ524335:REQ524338 ROM524335:ROM524338 RYI524335:RYI524338 SIE524335:SIE524338 SSA524335:SSA524338 TBW524335:TBW524338 TLS524335:TLS524338 TVO524335:TVO524338 UFK524335:UFK524338 UPG524335:UPG524338 UZC524335:UZC524338 VIY524335:VIY524338 VSU524335:VSU524338 WCQ524335:WCQ524338 WMM524335:WMM524338 WWI524335:WWI524338 AA589871:AA589874 JW589871:JW589874 TS589871:TS589874 ADO589871:ADO589874 ANK589871:ANK589874 AXG589871:AXG589874 BHC589871:BHC589874 BQY589871:BQY589874 CAU589871:CAU589874 CKQ589871:CKQ589874 CUM589871:CUM589874 DEI589871:DEI589874 DOE589871:DOE589874 DYA589871:DYA589874 EHW589871:EHW589874 ERS589871:ERS589874 FBO589871:FBO589874 FLK589871:FLK589874 FVG589871:FVG589874 GFC589871:GFC589874 GOY589871:GOY589874 GYU589871:GYU589874 HIQ589871:HIQ589874 HSM589871:HSM589874 ICI589871:ICI589874 IME589871:IME589874 IWA589871:IWA589874 JFW589871:JFW589874 JPS589871:JPS589874 JZO589871:JZO589874 KJK589871:KJK589874 KTG589871:KTG589874 LDC589871:LDC589874 LMY589871:LMY589874 LWU589871:LWU589874 MGQ589871:MGQ589874 MQM589871:MQM589874 NAI589871:NAI589874 NKE589871:NKE589874 NUA589871:NUA589874 ODW589871:ODW589874 ONS589871:ONS589874 OXO589871:OXO589874 PHK589871:PHK589874 PRG589871:PRG589874 QBC589871:QBC589874 QKY589871:QKY589874 QUU589871:QUU589874 REQ589871:REQ589874 ROM589871:ROM589874 RYI589871:RYI589874 SIE589871:SIE589874 SSA589871:SSA589874 TBW589871:TBW589874 TLS589871:TLS589874 TVO589871:TVO589874 UFK589871:UFK589874 UPG589871:UPG589874 UZC589871:UZC589874 VIY589871:VIY589874 VSU589871:VSU589874 WCQ589871:WCQ589874 WMM589871:WMM589874 WWI589871:WWI589874 AA655407:AA655410 JW655407:JW655410 TS655407:TS655410 ADO655407:ADO655410 ANK655407:ANK655410 AXG655407:AXG655410 BHC655407:BHC655410 BQY655407:BQY655410 CAU655407:CAU655410 CKQ655407:CKQ655410 CUM655407:CUM655410 DEI655407:DEI655410 DOE655407:DOE655410 DYA655407:DYA655410 EHW655407:EHW655410 ERS655407:ERS655410 FBO655407:FBO655410 FLK655407:FLK655410 FVG655407:FVG655410 GFC655407:GFC655410 GOY655407:GOY655410 GYU655407:GYU655410 HIQ655407:HIQ655410 HSM655407:HSM655410 ICI655407:ICI655410 IME655407:IME655410 IWA655407:IWA655410 JFW655407:JFW655410 JPS655407:JPS655410 JZO655407:JZO655410 KJK655407:KJK655410 KTG655407:KTG655410 LDC655407:LDC655410 LMY655407:LMY655410 LWU655407:LWU655410 MGQ655407:MGQ655410 MQM655407:MQM655410 NAI655407:NAI655410 NKE655407:NKE655410 NUA655407:NUA655410 ODW655407:ODW655410 ONS655407:ONS655410 OXO655407:OXO655410 PHK655407:PHK655410 PRG655407:PRG655410 QBC655407:QBC655410 QKY655407:QKY655410 QUU655407:QUU655410 REQ655407:REQ655410 ROM655407:ROM655410 RYI655407:RYI655410 SIE655407:SIE655410 SSA655407:SSA655410 TBW655407:TBW655410 TLS655407:TLS655410 TVO655407:TVO655410 UFK655407:UFK655410 UPG655407:UPG655410 UZC655407:UZC655410 VIY655407:VIY655410 VSU655407:VSU655410 WCQ655407:WCQ655410 WMM655407:WMM655410 WWI655407:WWI655410 AA720943:AA720946 JW720943:JW720946 TS720943:TS720946 ADO720943:ADO720946 ANK720943:ANK720946 AXG720943:AXG720946 BHC720943:BHC720946 BQY720943:BQY720946 CAU720943:CAU720946 CKQ720943:CKQ720946 CUM720943:CUM720946 DEI720943:DEI720946 DOE720943:DOE720946 DYA720943:DYA720946 EHW720943:EHW720946 ERS720943:ERS720946 FBO720943:FBO720946 FLK720943:FLK720946 FVG720943:FVG720946 GFC720943:GFC720946 GOY720943:GOY720946 GYU720943:GYU720946 HIQ720943:HIQ720946 HSM720943:HSM720946 ICI720943:ICI720946 IME720943:IME720946 IWA720943:IWA720946 JFW720943:JFW720946 JPS720943:JPS720946 JZO720943:JZO720946 KJK720943:KJK720946 KTG720943:KTG720946 LDC720943:LDC720946 LMY720943:LMY720946 LWU720943:LWU720946 MGQ720943:MGQ720946 MQM720943:MQM720946 NAI720943:NAI720946 NKE720943:NKE720946 NUA720943:NUA720946 ODW720943:ODW720946 ONS720943:ONS720946 OXO720943:OXO720946 PHK720943:PHK720946 PRG720943:PRG720946 QBC720943:QBC720946 QKY720943:QKY720946 QUU720943:QUU720946 REQ720943:REQ720946 ROM720943:ROM720946 RYI720943:RYI720946 SIE720943:SIE720946 SSA720943:SSA720946 TBW720943:TBW720946 TLS720943:TLS720946 TVO720943:TVO720946 UFK720943:UFK720946 UPG720943:UPG720946 UZC720943:UZC720946 VIY720943:VIY720946 VSU720943:VSU720946 WCQ720943:WCQ720946 WMM720943:WMM720946 WWI720943:WWI720946 AA786479:AA786482 JW786479:JW786482 TS786479:TS786482 ADO786479:ADO786482 ANK786479:ANK786482 AXG786479:AXG786482 BHC786479:BHC786482 BQY786479:BQY786482 CAU786479:CAU786482 CKQ786479:CKQ786482 CUM786479:CUM786482 DEI786479:DEI786482 DOE786479:DOE786482 DYA786479:DYA786482 EHW786479:EHW786482 ERS786479:ERS786482 FBO786479:FBO786482 FLK786479:FLK786482 FVG786479:FVG786482 GFC786479:GFC786482 GOY786479:GOY786482 GYU786479:GYU786482 HIQ786479:HIQ786482 HSM786479:HSM786482 ICI786479:ICI786482 IME786479:IME786482 IWA786479:IWA786482 JFW786479:JFW786482 JPS786479:JPS786482 JZO786479:JZO786482 KJK786479:KJK786482 KTG786479:KTG786482 LDC786479:LDC786482 LMY786479:LMY786482 LWU786479:LWU786482 MGQ786479:MGQ786482 MQM786479:MQM786482 NAI786479:NAI786482 NKE786479:NKE786482 NUA786479:NUA786482 ODW786479:ODW786482 ONS786479:ONS786482 OXO786479:OXO786482 PHK786479:PHK786482 PRG786479:PRG786482 QBC786479:QBC786482 QKY786479:QKY786482 QUU786479:QUU786482 REQ786479:REQ786482 ROM786479:ROM786482 RYI786479:RYI786482 SIE786479:SIE786482 SSA786479:SSA786482 TBW786479:TBW786482 TLS786479:TLS786482 TVO786479:TVO786482 UFK786479:UFK786482 UPG786479:UPG786482 UZC786479:UZC786482 VIY786479:VIY786482 VSU786479:VSU786482 WCQ786479:WCQ786482 WMM786479:WMM786482 WWI786479:WWI786482 AA852015:AA852018 JW852015:JW852018 TS852015:TS852018 ADO852015:ADO852018 ANK852015:ANK852018 AXG852015:AXG852018 BHC852015:BHC852018 BQY852015:BQY852018 CAU852015:CAU852018 CKQ852015:CKQ852018 CUM852015:CUM852018 DEI852015:DEI852018 DOE852015:DOE852018 DYA852015:DYA852018 EHW852015:EHW852018 ERS852015:ERS852018 FBO852015:FBO852018 FLK852015:FLK852018 FVG852015:FVG852018 GFC852015:GFC852018 GOY852015:GOY852018 GYU852015:GYU852018 HIQ852015:HIQ852018 HSM852015:HSM852018 ICI852015:ICI852018 IME852015:IME852018 IWA852015:IWA852018 JFW852015:JFW852018 JPS852015:JPS852018 JZO852015:JZO852018 KJK852015:KJK852018 KTG852015:KTG852018 LDC852015:LDC852018 LMY852015:LMY852018 LWU852015:LWU852018 MGQ852015:MGQ852018 MQM852015:MQM852018 NAI852015:NAI852018 NKE852015:NKE852018 NUA852015:NUA852018 ODW852015:ODW852018 ONS852015:ONS852018 OXO852015:OXO852018 PHK852015:PHK852018 PRG852015:PRG852018 QBC852015:QBC852018 QKY852015:QKY852018 QUU852015:QUU852018 REQ852015:REQ852018 ROM852015:ROM852018 RYI852015:RYI852018 SIE852015:SIE852018 SSA852015:SSA852018 TBW852015:TBW852018 TLS852015:TLS852018 TVO852015:TVO852018 UFK852015:UFK852018 UPG852015:UPG852018 UZC852015:UZC852018 VIY852015:VIY852018 VSU852015:VSU852018 WCQ852015:WCQ852018 WMM852015:WMM852018 WWI852015:WWI852018 AA917551:AA917554 JW917551:JW917554 TS917551:TS917554 ADO917551:ADO917554 ANK917551:ANK917554 AXG917551:AXG917554 BHC917551:BHC917554 BQY917551:BQY917554 CAU917551:CAU917554 CKQ917551:CKQ917554 CUM917551:CUM917554 DEI917551:DEI917554 DOE917551:DOE917554 DYA917551:DYA917554 EHW917551:EHW917554 ERS917551:ERS917554 FBO917551:FBO917554 FLK917551:FLK917554 FVG917551:FVG917554 GFC917551:GFC917554 GOY917551:GOY917554 GYU917551:GYU917554 HIQ917551:HIQ917554 HSM917551:HSM917554 ICI917551:ICI917554 IME917551:IME917554 IWA917551:IWA917554 JFW917551:JFW917554 JPS917551:JPS917554 JZO917551:JZO917554 KJK917551:KJK917554 KTG917551:KTG917554 LDC917551:LDC917554 LMY917551:LMY917554 LWU917551:LWU917554 MGQ917551:MGQ917554 MQM917551:MQM917554 NAI917551:NAI917554 NKE917551:NKE917554 NUA917551:NUA917554 ODW917551:ODW917554 ONS917551:ONS917554 OXO917551:OXO917554 PHK917551:PHK917554 PRG917551:PRG917554 QBC917551:QBC917554 QKY917551:QKY917554 QUU917551:QUU917554 REQ917551:REQ917554 ROM917551:ROM917554 RYI917551:RYI917554 SIE917551:SIE917554 SSA917551:SSA917554 TBW917551:TBW917554 TLS917551:TLS917554 TVO917551:TVO917554 UFK917551:UFK917554 UPG917551:UPG917554 UZC917551:UZC917554 VIY917551:VIY917554 VSU917551:VSU917554 WCQ917551:WCQ917554 WMM917551:WMM917554 WWI917551:WWI917554 AA983087:AA983090 JW983087:JW983090 TS983087:TS983090 ADO983087:ADO983090 ANK983087:ANK983090 AXG983087:AXG983090 BHC983087:BHC983090 BQY983087:BQY983090 CAU983087:CAU983090 CKQ983087:CKQ983090 CUM983087:CUM983090 DEI983087:DEI983090 DOE983087:DOE983090 DYA983087:DYA983090 EHW983087:EHW983090 ERS983087:ERS983090 FBO983087:FBO983090 FLK983087:FLK983090 FVG983087:FVG983090 GFC983087:GFC983090 GOY983087:GOY983090 GYU983087:GYU983090 HIQ983087:HIQ983090 HSM983087:HSM983090 ICI983087:ICI983090 IME983087:IME983090 IWA983087:IWA983090 JFW983087:JFW983090 JPS983087:JPS983090 JZO983087:JZO983090 KJK983087:KJK983090 KTG983087:KTG983090 LDC983087:LDC983090 LMY983087:LMY983090 LWU983087:LWU983090 MGQ983087:MGQ983090 MQM983087:MQM983090 NAI983087:NAI983090 NKE983087:NKE983090 NUA983087:NUA983090 ODW983087:ODW983090 ONS983087:ONS983090 OXO983087:OXO983090 PHK983087:PHK983090 PRG983087:PRG983090 QBC983087:QBC983090 QKY983087:QKY983090 QUU983087:QUU983090 REQ983087:REQ983090 ROM983087:ROM983090 RYI983087:RYI983090 SIE983087:SIE983090 SSA983087:SSA983090 TBW983087:TBW983090 TLS983087:TLS983090 TVO983087:TVO983090 UFK983087:UFK983090 UPG983087:UPG983090 UZC983087:UZC983090 VIY983087:VIY983090 VSU983087:VSU983090 WCQ983087:WCQ983090 WMM983087:WMM983090 WWI983087:WWI983090 Y46:Y49 JU46:JU49 TQ46:TQ49 ADM46:ADM49 ANI46:ANI49 AXE46:AXE49 BHA46:BHA49 BQW46:BQW49 CAS46:CAS49 CKO46:CKO49 CUK46:CUK49 DEG46:DEG49 DOC46:DOC49 DXY46:DXY49 EHU46:EHU49 ERQ46:ERQ49 FBM46:FBM49 FLI46:FLI49 FVE46:FVE49 GFA46:GFA49 GOW46:GOW49 GYS46:GYS49 HIO46:HIO49 HSK46:HSK49 ICG46:ICG49 IMC46:IMC49 IVY46:IVY49 JFU46:JFU49 JPQ46:JPQ49 JZM46:JZM49 KJI46:KJI49 KTE46:KTE49 LDA46:LDA49 LMW46:LMW49 LWS46:LWS49 MGO46:MGO49 MQK46:MQK49 NAG46:NAG49 NKC46:NKC49 NTY46:NTY49 ODU46:ODU49 ONQ46:ONQ49 OXM46:OXM49 PHI46:PHI49 PRE46:PRE49 QBA46:QBA49 QKW46:QKW49 QUS46:QUS49 REO46:REO49 ROK46:ROK49 RYG46:RYG49 SIC46:SIC49 SRY46:SRY49 TBU46:TBU49 TLQ46:TLQ49 TVM46:TVM49 UFI46:UFI49 UPE46:UPE49 UZA46:UZA49 VIW46:VIW49 VSS46:VSS49 WCO46:WCO49 WMK46:WMK49 WWG46:WWG49 Y65583:Y65586 JU65583:JU65586 TQ65583:TQ65586 ADM65583:ADM65586 ANI65583:ANI65586 AXE65583:AXE65586 BHA65583:BHA65586 BQW65583:BQW65586 CAS65583:CAS65586 CKO65583:CKO65586 CUK65583:CUK65586 DEG65583:DEG65586 DOC65583:DOC65586 DXY65583:DXY65586 EHU65583:EHU65586 ERQ65583:ERQ65586 FBM65583:FBM65586 FLI65583:FLI65586 FVE65583:FVE65586 GFA65583:GFA65586 GOW65583:GOW65586 GYS65583:GYS65586 HIO65583:HIO65586 HSK65583:HSK65586 ICG65583:ICG65586 IMC65583:IMC65586 IVY65583:IVY65586 JFU65583:JFU65586 JPQ65583:JPQ65586 JZM65583:JZM65586 KJI65583:KJI65586 KTE65583:KTE65586 LDA65583:LDA65586 LMW65583:LMW65586 LWS65583:LWS65586 MGO65583:MGO65586 MQK65583:MQK65586 NAG65583:NAG65586 NKC65583:NKC65586 NTY65583:NTY65586 ODU65583:ODU65586 ONQ65583:ONQ65586 OXM65583:OXM65586 PHI65583:PHI65586 PRE65583:PRE65586 QBA65583:QBA65586 QKW65583:QKW65586 QUS65583:QUS65586 REO65583:REO65586 ROK65583:ROK65586 RYG65583:RYG65586 SIC65583:SIC65586 SRY65583:SRY65586 TBU65583:TBU65586 TLQ65583:TLQ65586 TVM65583:TVM65586 UFI65583:UFI65586 UPE65583:UPE65586 UZA65583:UZA65586 VIW65583:VIW65586 VSS65583:VSS65586 WCO65583:WCO65586 WMK65583:WMK65586 WWG65583:WWG65586 Y131119:Y131122 JU131119:JU131122 TQ131119:TQ131122 ADM131119:ADM131122 ANI131119:ANI131122 AXE131119:AXE131122 BHA131119:BHA131122 BQW131119:BQW131122 CAS131119:CAS131122 CKO131119:CKO131122 CUK131119:CUK131122 DEG131119:DEG131122 DOC131119:DOC131122 DXY131119:DXY131122 EHU131119:EHU131122 ERQ131119:ERQ131122 FBM131119:FBM131122 FLI131119:FLI131122 FVE131119:FVE131122 GFA131119:GFA131122 GOW131119:GOW131122 GYS131119:GYS131122 HIO131119:HIO131122 HSK131119:HSK131122 ICG131119:ICG131122 IMC131119:IMC131122 IVY131119:IVY131122 JFU131119:JFU131122 JPQ131119:JPQ131122 JZM131119:JZM131122 KJI131119:KJI131122 KTE131119:KTE131122 LDA131119:LDA131122 LMW131119:LMW131122 LWS131119:LWS131122 MGO131119:MGO131122 MQK131119:MQK131122 NAG131119:NAG131122 NKC131119:NKC131122 NTY131119:NTY131122 ODU131119:ODU131122 ONQ131119:ONQ131122 OXM131119:OXM131122 PHI131119:PHI131122 PRE131119:PRE131122 QBA131119:QBA131122 QKW131119:QKW131122 QUS131119:QUS131122 REO131119:REO131122 ROK131119:ROK131122 RYG131119:RYG131122 SIC131119:SIC131122 SRY131119:SRY131122 TBU131119:TBU131122 TLQ131119:TLQ131122 TVM131119:TVM131122 UFI131119:UFI131122 UPE131119:UPE131122 UZA131119:UZA131122 VIW131119:VIW131122 VSS131119:VSS131122 WCO131119:WCO131122 WMK131119:WMK131122 WWG131119:WWG131122 Y196655:Y196658 JU196655:JU196658 TQ196655:TQ196658 ADM196655:ADM196658 ANI196655:ANI196658 AXE196655:AXE196658 BHA196655:BHA196658 BQW196655:BQW196658 CAS196655:CAS196658 CKO196655:CKO196658 CUK196655:CUK196658 DEG196655:DEG196658 DOC196655:DOC196658 DXY196655:DXY196658 EHU196655:EHU196658 ERQ196655:ERQ196658 FBM196655:FBM196658 FLI196655:FLI196658 FVE196655:FVE196658 GFA196655:GFA196658 GOW196655:GOW196658 GYS196655:GYS196658 HIO196655:HIO196658 HSK196655:HSK196658 ICG196655:ICG196658 IMC196655:IMC196658 IVY196655:IVY196658 JFU196655:JFU196658 JPQ196655:JPQ196658 JZM196655:JZM196658 KJI196655:KJI196658 KTE196655:KTE196658 LDA196655:LDA196658 LMW196655:LMW196658 LWS196655:LWS196658 MGO196655:MGO196658 MQK196655:MQK196658 NAG196655:NAG196658 NKC196655:NKC196658 NTY196655:NTY196658 ODU196655:ODU196658 ONQ196655:ONQ196658 OXM196655:OXM196658 PHI196655:PHI196658 PRE196655:PRE196658 QBA196655:QBA196658 QKW196655:QKW196658 QUS196655:QUS196658 REO196655:REO196658 ROK196655:ROK196658 RYG196655:RYG196658 SIC196655:SIC196658 SRY196655:SRY196658 TBU196655:TBU196658 TLQ196655:TLQ196658 TVM196655:TVM196658 UFI196655:UFI196658 UPE196655:UPE196658 UZA196655:UZA196658 VIW196655:VIW196658 VSS196655:VSS196658 WCO196655:WCO196658 WMK196655:WMK196658 WWG196655:WWG196658 Y262191:Y262194 JU262191:JU262194 TQ262191:TQ262194 ADM262191:ADM262194 ANI262191:ANI262194 AXE262191:AXE262194 BHA262191:BHA262194 BQW262191:BQW262194 CAS262191:CAS262194 CKO262191:CKO262194 CUK262191:CUK262194 DEG262191:DEG262194 DOC262191:DOC262194 DXY262191:DXY262194 EHU262191:EHU262194 ERQ262191:ERQ262194 FBM262191:FBM262194 FLI262191:FLI262194 FVE262191:FVE262194 GFA262191:GFA262194 GOW262191:GOW262194 GYS262191:GYS262194 HIO262191:HIO262194 HSK262191:HSK262194 ICG262191:ICG262194 IMC262191:IMC262194 IVY262191:IVY262194 JFU262191:JFU262194 JPQ262191:JPQ262194 JZM262191:JZM262194 KJI262191:KJI262194 KTE262191:KTE262194 LDA262191:LDA262194 LMW262191:LMW262194 LWS262191:LWS262194 MGO262191:MGO262194 MQK262191:MQK262194 NAG262191:NAG262194 NKC262191:NKC262194 NTY262191:NTY262194 ODU262191:ODU262194 ONQ262191:ONQ262194 OXM262191:OXM262194 PHI262191:PHI262194 PRE262191:PRE262194 QBA262191:QBA262194 QKW262191:QKW262194 QUS262191:QUS262194 REO262191:REO262194 ROK262191:ROK262194 RYG262191:RYG262194 SIC262191:SIC262194 SRY262191:SRY262194 TBU262191:TBU262194 TLQ262191:TLQ262194 TVM262191:TVM262194 UFI262191:UFI262194 UPE262191:UPE262194 UZA262191:UZA262194 VIW262191:VIW262194 VSS262191:VSS262194 WCO262191:WCO262194 WMK262191:WMK262194 WWG262191:WWG262194 Y327727:Y327730 JU327727:JU327730 TQ327727:TQ327730 ADM327727:ADM327730 ANI327727:ANI327730 AXE327727:AXE327730 BHA327727:BHA327730 BQW327727:BQW327730 CAS327727:CAS327730 CKO327727:CKO327730 CUK327727:CUK327730 DEG327727:DEG327730 DOC327727:DOC327730 DXY327727:DXY327730 EHU327727:EHU327730 ERQ327727:ERQ327730 FBM327727:FBM327730 FLI327727:FLI327730 FVE327727:FVE327730 GFA327727:GFA327730 GOW327727:GOW327730 GYS327727:GYS327730 HIO327727:HIO327730 HSK327727:HSK327730 ICG327727:ICG327730 IMC327727:IMC327730 IVY327727:IVY327730 JFU327727:JFU327730 JPQ327727:JPQ327730 JZM327727:JZM327730 KJI327727:KJI327730 KTE327727:KTE327730 LDA327727:LDA327730 LMW327727:LMW327730 LWS327727:LWS327730 MGO327727:MGO327730 MQK327727:MQK327730 NAG327727:NAG327730 NKC327727:NKC327730 NTY327727:NTY327730 ODU327727:ODU327730 ONQ327727:ONQ327730 OXM327727:OXM327730 PHI327727:PHI327730 PRE327727:PRE327730 QBA327727:QBA327730 QKW327727:QKW327730 QUS327727:QUS327730 REO327727:REO327730 ROK327727:ROK327730 RYG327727:RYG327730 SIC327727:SIC327730 SRY327727:SRY327730 TBU327727:TBU327730 TLQ327727:TLQ327730 TVM327727:TVM327730 UFI327727:UFI327730 UPE327727:UPE327730 UZA327727:UZA327730 VIW327727:VIW327730 VSS327727:VSS327730 WCO327727:WCO327730 WMK327727:WMK327730 WWG327727:WWG327730 Y393263:Y393266 JU393263:JU393266 TQ393263:TQ393266 ADM393263:ADM393266 ANI393263:ANI393266 AXE393263:AXE393266 BHA393263:BHA393266 BQW393263:BQW393266 CAS393263:CAS393266 CKO393263:CKO393266 CUK393263:CUK393266 DEG393263:DEG393266 DOC393263:DOC393266 DXY393263:DXY393266 EHU393263:EHU393266 ERQ393263:ERQ393266 FBM393263:FBM393266 FLI393263:FLI393266 FVE393263:FVE393266 GFA393263:GFA393266 GOW393263:GOW393266 GYS393263:GYS393266 HIO393263:HIO393266 HSK393263:HSK393266 ICG393263:ICG393266 IMC393263:IMC393266 IVY393263:IVY393266 JFU393263:JFU393266 JPQ393263:JPQ393266 JZM393263:JZM393266 KJI393263:KJI393266 KTE393263:KTE393266 LDA393263:LDA393266 LMW393263:LMW393266 LWS393263:LWS393266 MGO393263:MGO393266 MQK393263:MQK393266 NAG393263:NAG393266 NKC393263:NKC393266 NTY393263:NTY393266 ODU393263:ODU393266 ONQ393263:ONQ393266 OXM393263:OXM393266 PHI393263:PHI393266 PRE393263:PRE393266 QBA393263:QBA393266 QKW393263:QKW393266 QUS393263:QUS393266 REO393263:REO393266 ROK393263:ROK393266 RYG393263:RYG393266 SIC393263:SIC393266 SRY393263:SRY393266 TBU393263:TBU393266 TLQ393263:TLQ393266 TVM393263:TVM393266 UFI393263:UFI393266 UPE393263:UPE393266 UZA393263:UZA393266 VIW393263:VIW393266 VSS393263:VSS393266 WCO393263:WCO393266 WMK393263:WMK393266 WWG393263:WWG393266 Y458799:Y458802 JU458799:JU458802 TQ458799:TQ458802 ADM458799:ADM458802 ANI458799:ANI458802 AXE458799:AXE458802 BHA458799:BHA458802 BQW458799:BQW458802 CAS458799:CAS458802 CKO458799:CKO458802 CUK458799:CUK458802 DEG458799:DEG458802 DOC458799:DOC458802 DXY458799:DXY458802 EHU458799:EHU458802 ERQ458799:ERQ458802 FBM458799:FBM458802 FLI458799:FLI458802 FVE458799:FVE458802 GFA458799:GFA458802 GOW458799:GOW458802 GYS458799:GYS458802 HIO458799:HIO458802 HSK458799:HSK458802 ICG458799:ICG458802 IMC458799:IMC458802 IVY458799:IVY458802 JFU458799:JFU458802 JPQ458799:JPQ458802 JZM458799:JZM458802 KJI458799:KJI458802 KTE458799:KTE458802 LDA458799:LDA458802 LMW458799:LMW458802 LWS458799:LWS458802 MGO458799:MGO458802 MQK458799:MQK458802 NAG458799:NAG458802 NKC458799:NKC458802 NTY458799:NTY458802 ODU458799:ODU458802 ONQ458799:ONQ458802 OXM458799:OXM458802 PHI458799:PHI458802 PRE458799:PRE458802 QBA458799:QBA458802 QKW458799:QKW458802 QUS458799:QUS458802 REO458799:REO458802 ROK458799:ROK458802 RYG458799:RYG458802 SIC458799:SIC458802 SRY458799:SRY458802 TBU458799:TBU458802 TLQ458799:TLQ458802 TVM458799:TVM458802 UFI458799:UFI458802 UPE458799:UPE458802 UZA458799:UZA458802 VIW458799:VIW458802 VSS458799:VSS458802 WCO458799:WCO458802 WMK458799:WMK458802 WWG458799:WWG458802 Y524335:Y524338 JU524335:JU524338 TQ524335:TQ524338 ADM524335:ADM524338 ANI524335:ANI524338 AXE524335:AXE524338 BHA524335:BHA524338 BQW524335:BQW524338 CAS524335:CAS524338 CKO524335:CKO524338 CUK524335:CUK524338 DEG524335:DEG524338 DOC524335:DOC524338 DXY524335:DXY524338 EHU524335:EHU524338 ERQ524335:ERQ524338 FBM524335:FBM524338 FLI524335:FLI524338 FVE524335:FVE524338 GFA524335:GFA524338 GOW524335:GOW524338 GYS524335:GYS524338 HIO524335:HIO524338 HSK524335:HSK524338 ICG524335:ICG524338 IMC524335:IMC524338 IVY524335:IVY524338 JFU524335:JFU524338 JPQ524335:JPQ524338 JZM524335:JZM524338 KJI524335:KJI524338 KTE524335:KTE524338 LDA524335:LDA524338 LMW524335:LMW524338 LWS524335:LWS524338 MGO524335:MGO524338 MQK524335:MQK524338 NAG524335:NAG524338 NKC524335:NKC524338 NTY524335:NTY524338 ODU524335:ODU524338 ONQ524335:ONQ524338 OXM524335:OXM524338 PHI524335:PHI524338 PRE524335:PRE524338 QBA524335:QBA524338 QKW524335:QKW524338 QUS524335:QUS524338 REO524335:REO524338 ROK524335:ROK524338 RYG524335:RYG524338 SIC524335:SIC524338 SRY524335:SRY524338 TBU524335:TBU524338 TLQ524335:TLQ524338 TVM524335:TVM524338 UFI524335:UFI524338 UPE524335:UPE524338 UZA524335:UZA524338 VIW524335:VIW524338 VSS524335:VSS524338 WCO524335:WCO524338 WMK524335:WMK524338 WWG524335:WWG524338 Y589871:Y589874 JU589871:JU589874 TQ589871:TQ589874 ADM589871:ADM589874 ANI589871:ANI589874 AXE589871:AXE589874 BHA589871:BHA589874 BQW589871:BQW589874 CAS589871:CAS589874 CKO589871:CKO589874 CUK589871:CUK589874 DEG589871:DEG589874 DOC589871:DOC589874 DXY589871:DXY589874 EHU589871:EHU589874 ERQ589871:ERQ589874 FBM589871:FBM589874 FLI589871:FLI589874 FVE589871:FVE589874 GFA589871:GFA589874 GOW589871:GOW589874 GYS589871:GYS589874 HIO589871:HIO589874 HSK589871:HSK589874 ICG589871:ICG589874 IMC589871:IMC589874 IVY589871:IVY589874 JFU589871:JFU589874 JPQ589871:JPQ589874 JZM589871:JZM589874 KJI589871:KJI589874 KTE589871:KTE589874 LDA589871:LDA589874 LMW589871:LMW589874 LWS589871:LWS589874 MGO589871:MGO589874 MQK589871:MQK589874 NAG589871:NAG589874 NKC589871:NKC589874 NTY589871:NTY589874 ODU589871:ODU589874 ONQ589871:ONQ589874 OXM589871:OXM589874 PHI589871:PHI589874 PRE589871:PRE589874 QBA589871:QBA589874 QKW589871:QKW589874 QUS589871:QUS589874 REO589871:REO589874 ROK589871:ROK589874 RYG589871:RYG589874 SIC589871:SIC589874 SRY589871:SRY589874 TBU589871:TBU589874 TLQ589871:TLQ589874 TVM589871:TVM589874 UFI589871:UFI589874 UPE589871:UPE589874 UZA589871:UZA589874 VIW589871:VIW589874 VSS589871:VSS589874 WCO589871:WCO589874 WMK589871:WMK589874 WWG589871:WWG589874 Y655407:Y655410 JU655407:JU655410 TQ655407:TQ655410 ADM655407:ADM655410 ANI655407:ANI655410 AXE655407:AXE655410 BHA655407:BHA655410 BQW655407:BQW655410 CAS655407:CAS655410 CKO655407:CKO655410 CUK655407:CUK655410 DEG655407:DEG655410 DOC655407:DOC655410 DXY655407:DXY655410 EHU655407:EHU655410 ERQ655407:ERQ655410 FBM655407:FBM655410 FLI655407:FLI655410 FVE655407:FVE655410 GFA655407:GFA655410 GOW655407:GOW655410 GYS655407:GYS655410 HIO655407:HIO655410 HSK655407:HSK655410 ICG655407:ICG655410 IMC655407:IMC655410 IVY655407:IVY655410 JFU655407:JFU655410 JPQ655407:JPQ655410 JZM655407:JZM655410 KJI655407:KJI655410 KTE655407:KTE655410 LDA655407:LDA655410 LMW655407:LMW655410 LWS655407:LWS655410 MGO655407:MGO655410 MQK655407:MQK655410 NAG655407:NAG655410 NKC655407:NKC655410 NTY655407:NTY655410 ODU655407:ODU655410 ONQ655407:ONQ655410 OXM655407:OXM655410 PHI655407:PHI655410 PRE655407:PRE655410 QBA655407:QBA655410 QKW655407:QKW655410 QUS655407:QUS655410 REO655407:REO655410 ROK655407:ROK655410 RYG655407:RYG655410 SIC655407:SIC655410 SRY655407:SRY655410 TBU655407:TBU655410 TLQ655407:TLQ655410 TVM655407:TVM655410 UFI655407:UFI655410 UPE655407:UPE655410 UZA655407:UZA655410 VIW655407:VIW655410 VSS655407:VSS655410 WCO655407:WCO655410 WMK655407:WMK655410 WWG655407:WWG655410 Y720943:Y720946 JU720943:JU720946 TQ720943:TQ720946 ADM720943:ADM720946 ANI720943:ANI720946 AXE720943:AXE720946 BHA720943:BHA720946 BQW720943:BQW720946 CAS720943:CAS720946 CKO720943:CKO720946 CUK720943:CUK720946 DEG720943:DEG720946 DOC720943:DOC720946 DXY720943:DXY720946 EHU720943:EHU720946 ERQ720943:ERQ720946 FBM720943:FBM720946 FLI720943:FLI720946 FVE720943:FVE720946 GFA720943:GFA720946 GOW720943:GOW720946 GYS720943:GYS720946 HIO720943:HIO720946 HSK720943:HSK720946 ICG720943:ICG720946 IMC720943:IMC720946 IVY720943:IVY720946 JFU720943:JFU720946 JPQ720943:JPQ720946 JZM720943:JZM720946 KJI720943:KJI720946 KTE720943:KTE720946 LDA720943:LDA720946 LMW720943:LMW720946 LWS720943:LWS720946 MGO720943:MGO720946 MQK720943:MQK720946 NAG720943:NAG720946 NKC720943:NKC720946 NTY720943:NTY720946 ODU720943:ODU720946 ONQ720943:ONQ720946 OXM720943:OXM720946 PHI720943:PHI720946 PRE720943:PRE720946 QBA720943:QBA720946 QKW720943:QKW720946 QUS720943:QUS720946 REO720943:REO720946 ROK720943:ROK720946 RYG720943:RYG720946 SIC720943:SIC720946 SRY720943:SRY720946 TBU720943:TBU720946 TLQ720943:TLQ720946 TVM720943:TVM720946 UFI720943:UFI720946 UPE720943:UPE720946 UZA720943:UZA720946 VIW720943:VIW720946 VSS720943:VSS720946 WCO720943:WCO720946 WMK720943:WMK720946 WWG720943:WWG720946 Y786479:Y786482 JU786479:JU786482 TQ786479:TQ786482 ADM786479:ADM786482 ANI786479:ANI786482 AXE786479:AXE786482 BHA786479:BHA786482 BQW786479:BQW786482 CAS786479:CAS786482 CKO786479:CKO786482 CUK786479:CUK786482 DEG786479:DEG786482 DOC786479:DOC786482 DXY786479:DXY786482 EHU786479:EHU786482 ERQ786479:ERQ786482 FBM786479:FBM786482 FLI786479:FLI786482 FVE786479:FVE786482 GFA786479:GFA786482 GOW786479:GOW786482 GYS786479:GYS786482 HIO786479:HIO786482 HSK786479:HSK786482 ICG786479:ICG786482 IMC786479:IMC786482 IVY786479:IVY786482 JFU786479:JFU786482 JPQ786479:JPQ786482 JZM786479:JZM786482 KJI786479:KJI786482 KTE786479:KTE786482 LDA786479:LDA786482 LMW786479:LMW786482 LWS786479:LWS786482 MGO786479:MGO786482 MQK786479:MQK786482 NAG786479:NAG786482 NKC786479:NKC786482 NTY786479:NTY786482 ODU786479:ODU786482 ONQ786479:ONQ786482 OXM786479:OXM786482 PHI786479:PHI786482 PRE786479:PRE786482 QBA786479:QBA786482 QKW786479:QKW786482 QUS786479:QUS786482 REO786479:REO786482 ROK786479:ROK786482 RYG786479:RYG786482 SIC786479:SIC786482 SRY786479:SRY786482 TBU786479:TBU786482 TLQ786479:TLQ786482 TVM786479:TVM786482 UFI786479:UFI786482 UPE786479:UPE786482 UZA786479:UZA786482 VIW786479:VIW786482 VSS786479:VSS786482 WCO786479:WCO786482 WMK786479:WMK786482 WWG786479:WWG786482 Y852015:Y852018 JU852015:JU852018 TQ852015:TQ852018 ADM852015:ADM852018 ANI852015:ANI852018 AXE852015:AXE852018 BHA852015:BHA852018 BQW852015:BQW852018 CAS852015:CAS852018 CKO852015:CKO852018 CUK852015:CUK852018 DEG852015:DEG852018 DOC852015:DOC852018 DXY852015:DXY852018 EHU852015:EHU852018 ERQ852015:ERQ852018 FBM852015:FBM852018 FLI852015:FLI852018 FVE852015:FVE852018 GFA852015:GFA852018 GOW852015:GOW852018 GYS852015:GYS852018 HIO852015:HIO852018 HSK852015:HSK852018 ICG852015:ICG852018 IMC852015:IMC852018 IVY852015:IVY852018 JFU852015:JFU852018 JPQ852015:JPQ852018 JZM852015:JZM852018 KJI852015:KJI852018 KTE852015:KTE852018 LDA852015:LDA852018 LMW852015:LMW852018 LWS852015:LWS852018 MGO852015:MGO852018 MQK852015:MQK852018 NAG852015:NAG852018 NKC852015:NKC852018 NTY852015:NTY852018 ODU852015:ODU852018 ONQ852015:ONQ852018 OXM852015:OXM852018 PHI852015:PHI852018 PRE852015:PRE852018 QBA852015:QBA852018 QKW852015:QKW852018 QUS852015:QUS852018 REO852015:REO852018 ROK852015:ROK852018 RYG852015:RYG852018 SIC852015:SIC852018 SRY852015:SRY852018 TBU852015:TBU852018 TLQ852015:TLQ852018 TVM852015:TVM852018 UFI852015:UFI852018 UPE852015:UPE852018 UZA852015:UZA852018 VIW852015:VIW852018 VSS852015:VSS852018 WCO852015:WCO852018 WMK852015:WMK852018 WWG852015:WWG852018 Y917551:Y917554 JU917551:JU917554 TQ917551:TQ917554 ADM917551:ADM917554 ANI917551:ANI917554 AXE917551:AXE917554 BHA917551:BHA917554 BQW917551:BQW917554 CAS917551:CAS917554 CKO917551:CKO917554 CUK917551:CUK917554 DEG917551:DEG917554 DOC917551:DOC917554 DXY917551:DXY917554 EHU917551:EHU917554 ERQ917551:ERQ917554 FBM917551:FBM917554 FLI917551:FLI917554 FVE917551:FVE917554 GFA917551:GFA917554 GOW917551:GOW917554 GYS917551:GYS917554 HIO917551:HIO917554 HSK917551:HSK917554 ICG917551:ICG917554 IMC917551:IMC917554 IVY917551:IVY917554 JFU917551:JFU917554 JPQ917551:JPQ917554 JZM917551:JZM917554 KJI917551:KJI917554 KTE917551:KTE917554 LDA917551:LDA917554 LMW917551:LMW917554 LWS917551:LWS917554 MGO917551:MGO917554 MQK917551:MQK917554 NAG917551:NAG917554 NKC917551:NKC917554 NTY917551:NTY917554 ODU917551:ODU917554 ONQ917551:ONQ917554 OXM917551:OXM917554 PHI917551:PHI917554 PRE917551:PRE917554 QBA917551:QBA917554 QKW917551:QKW917554 QUS917551:QUS917554 REO917551:REO917554 ROK917551:ROK917554 RYG917551:RYG917554 SIC917551:SIC917554 SRY917551:SRY917554 TBU917551:TBU917554 TLQ917551:TLQ917554 TVM917551:TVM917554 UFI917551:UFI917554 UPE917551:UPE917554 UZA917551:UZA917554 VIW917551:VIW917554 VSS917551:VSS917554 WCO917551:WCO917554 WMK917551:WMK917554 WWG917551:WWG917554 Y983087:Y983090 JU983087:JU983090 TQ983087:TQ983090 ADM983087:ADM983090 ANI983087:ANI983090 AXE983087:AXE983090 BHA983087:BHA983090 BQW983087:BQW983090 CAS983087:CAS983090 CKO983087:CKO983090 CUK983087:CUK983090 DEG983087:DEG983090 DOC983087:DOC983090 DXY983087:DXY983090 EHU983087:EHU983090 ERQ983087:ERQ983090 FBM983087:FBM983090 FLI983087:FLI983090 FVE983087:FVE983090 GFA983087:GFA983090 GOW983087:GOW983090 GYS983087:GYS983090 HIO983087:HIO983090 HSK983087:HSK983090 ICG983087:ICG983090 IMC983087:IMC983090 IVY983087:IVY983090 JFU983087:JFU983090 JPQ983087:JPQ983090 JZM983087:JZM983090 KJI983087:KJI983090 KTE983087:KTE983090 LDA983087:LDA983090 LMW983087:LMW983090 LWS983087:LWS983090 MGO983087:MGO983090 MQK983087:MQK983090 NAG983087:NAG983090 NKC983087:NKC983090 NTY983087:NTY983090 ODU983087:ODU983090 ONQ983087:ONQ983090 OXM983087:OXM983090 PHI983087:PHI983090 PRE983087:PRE983090 QBA983087:QBA983090 QKW983087:QKW983090 QUS983087:QUS983090 REO983087:REO983090 ROK983087:ROK983090 RYG983087:RYG983090 SIC983087:SIC983090 SRY983087:SRY983090 TBU983087:TBU983090 TLQ983087:TLQ983090 TVM983087:TVM983090 UFI983087:UFI983090 UPE983087:UPE983090 UZA983087:UZA983090 VIW983087:VIW983090 VSS983087:VSS983090 WCO983087:WCO983090 WMK983087:WMK983090 WWG983087:WWG983090 Y15:Y24 JU15:JU24 TQ15:TQ24 ADM15:ADM24 ANI15:ANI24 AXE15:AXE24 BHA15:BHA24 BQW15:BQW24 CAS15:CAS24 CKO15:CKO24 CUK15:CUK24 DEG15:DEG24 DOC15:DOC24 DXY15:DXY24 EHU15:EHU24 ERQ15:ERQ24 FBM15:FBM24 FLI15:FLI24 FVE15:FVE24 GFA15:GFA24 GOW15:GOW24 GYS15:GYS24 HIO15:HIO24 HSK15:HSK24 ICG15:ICG24 IMC15:IMC24 IVY15:IVY24 JFU15:JFU24 JPQ15:JPQ24 JZM15:JZM24 KJI15:KJI24 KTE15:KTE24 LDA15:LDA24 LMW15:LMW24 LWS15:LWS24 MGO15:MGO24 MQK15:MQK24 NAG15:NAG24 NKC15:NKC24 NTY15:NTY24 ODU15:ODU24 ONQ15:ONQ24 OXM15:OXM24 PHI15:PHI24 PRE15:PRE24 QBA15:QBA24 QKW15:QKW24 QUS15:QUS24 REO15:REO24 ROK15:ROK24 RYG15:RYG24 SIC15:SIC24 SRY15:SRY24 TBU15:TBU24 TLQ15:TLQ24 TVM15:TVM24 UFI15:UFI24 UPE15:UPE24 UZA15:UZA24 VIW15:VIW24 VSS15:VSS24 WCO15:WCO24 WMK15:WMK24 WWG15:WWG24 Y65552:Y65561 JU65552:JU65561 TQ65552:TQ65561 ADM65552:ADM65561 ANI65552:ANI65561 AXE65552:AXE65561 BHA65552:BHA65561 BQW65552:BQW65561 CAS65552:CAS65561 CKO65552:CKO65561 CUK65552:CUK65561 DEG65552:DEG65561 DOC65552:DOC65561 DXY65552:DXY65561 EHU65552:EHU65561 ERQ65552:ERQ65561 FBM65552:FBM65561 FLI65552:FLI65561 FVE65552:FVE65561 GFA65552:GFA65561 GOW65552:GOW65561 GYS65552:GYS65561 HIO65552:HIO65561 HSK65552:HSK65561 ICG65552:ICG65561 IMC65552:IMC65561 IVY65552:IVY65561 JFU65552:JFU65561 JPQ65552:JPQ65561 JZM65552:JZM65561 KJI65552:KJI65561 KTE65552:KTE65561 LDA65552:LDA65561 LMW65552:LMW65561 LWS65552:LWS65561 MGO65552:MGO65561 MQK65552:MQK65561 NAG65552:NAG65561 NKC65552:NKC65561 NTY65552:NTY65561 ODU65552:ODU65561 ONQ65552:ONQ65561 OXM65552:OXM65561 PHI65552:PHI65561 PRE65552:PRE65561 QBA65552:QBA65561 QKW65552:QKW65561 QUS65552:QUS65561 REO65552:REO65561 ROK65552:ROK65561 RYG65552:RYG65561 SIC65552:SIC65561 SRY65552:SRY65561 TBU65552:TBU65561 TLQ65552:TLQ65561 TVM65552:TVM65561 UFI65552:UFI65561 UPE65552:UPE65561 UZA65552:UZA65561 VIW65552:VIW65561 VSS65552:VSS65561 WCO65552:WCO65561 WMK65552:WMK65561 WWG65552:WWG65561 Y131088:Y131097 JU131088:JU131097 TQ131088:TQ131097 ADM131088:ADM131097 ANI131088:ANI131097 AXE131088:AXE131097 BHA131088:BHA131097 BQW131088:BQW131097 CAS131088:CAS131097 CKO131088:CKO131097 CUK131088:CUK131097 DEG131088:DEG131097 DOC131088:DOC131097 DXY131088:DXY131097 EHU131088:EHU131097 ERQ131088:ERQ131097 FBM131088:FBM131097 FLI131088:FLI131097 FVE131088:FVE131097 GFA131088:GFA131097 GOW131088:GOW131097 GYS131088:GYS131097 HIO131088:HIO131097 HSK131088:HSK131097 ICG131088:ICG131097 IMC131088:IMC131097 IVY131088:IVY131097 JFU131088:JFU131097 JPQ131088:JPQ131097 JZM131088:JZM131097 KJI131088:KJI131097 KTE131088:KTE131097 LDA131088:LDA131097 LMW131088:LMW131097 LWS131088:LWS131097 MGO131088:MGO131097 MQK131088:MQK131097 NAG131088:NAG131097 NKC131088:NKC131097 NTY131088:NTY131097 ODU131088:ODU131097 ONQ131088:ONQ131097 OXM131088:OXM131097 PHI131088:PHI131097 PRE131088:PRE131097 QBA131088:QBA131097 QKW131088:QKW131097 QUS131088:QUS131097 REO131088:REO131097 ROK131088:ROK131097 RYG131088:RYG131097 SIC131088:SIC131097 SRY131088:SRY131097 TBU131088:TBU131097 TLQ131088:TLQ131097 TVM131088:TVM131097 UFI131088:UFI131097 UPE131088:UPE131097 UZA131088:UZA131097 VIW131088:VIW131097 VSS131088:VSS131097 WCO131088:WCO131097 WMK131088:WMK131097 WWG131088:WWG131097 Y196624:Y196633 JU196624:JU196633 TQ196624:TQ196633 ADM196624:ADM196633 ANI196624:ANI196633 AXE196624:AXE196633 BHA196624:BHA196633 BQW196624:BQW196633 CAS196624:CAS196633 CKO196624:CKO196633 CUK196624:CUK196633 DEG196624:DEG196633 DOC196624:DOC196633 DXY196624:DXY196633 EHU196624:EHU196633 ERQ196624:ERQ196633 FBM196624:FBM196633 FLI196624:FLI196633 FVE196624:FVE196633 GFA196624:GFA196633 GOW196624:GOW196633 GYS196624:GYS196633 HIO196624:HIO196633 HSK196624:HSK196633 ICG196624:ICG196633 IMC196624:IMC196633 IVY196624:IVY196633 JFU196624:JFU196633 JPQ196624:JPQ196633 JZM196624:JZM196633 KJI196624:KJI196633 KTE196624:KTE196633 LDA196624:LDA196633 LMW196624:LMW196633 LWS196624:LWS196633 MGO196624:MGO196633 MQK196624:MQK196633 NAG196624:NAG196633 NKC196624:NKC196633 NTY196624:NTY196633 ODU196624:ODU196633 ONQ196624:ONQ196633 OXM196624:OXM196633 PHI196624:PHI196633 PRE196624:PRE196633 QBA196624:QBA196633 QKW196624:QKW196633 QUS196624:QUS196633 REO196624:REO196633 ROK196624:ROK196633 RYG196624:RYG196633 SIC196624:SIC196633 SRY196624:SRY196633 TBU196624:TBU196633 TLQ196624:TLQ196633 TVM196624:TVM196633 UFI196624:UFI196633 UPE196624:UPE196633 UZA196624:UZA196633 VIW196624:VIW196633 VSS196624:VSS196633 WCO196624:WCO196633 WMK196624:WMK196633 WWG196624:WWG196633 Y262160:Y262169 JU262160:JU262169 TQ262160:TQ262169 ADM262160:ADM262169 ANI262160:ANI262169 AXE262160:AXE262169 BHA262160:BHA262169 BQW262160:BQW262169 CAS262160:CAS262169 CKO262160:CKO262169 CUK262160:CUK262169 DEG262160:DEG262169 DOC262160:DOC262169 DXY262160:DXY262169 EHU262160:EHU262169 ERQ262160:ERQ262169 FBM262160:FBM262169 FLI262160:FLI262169 FVE262160:FVE262169 GFA262160:GFA262169 GOW262160:GOW262169 GYS262160:GYS262169 HIO262160:HIO262169 HSK262160:HSK262169 ICG262160:ICG262169 IMC262160:IMC262169 IVY262160:IVY262169 JFU262160:JFU262169 JPQ262160:JPQ262169 JZM262160:JZM262169 KJI262160:KJI262169 KTE262160:KTE262169 LDA262160:LDA262169 LMW262160:LMW262169 LWS262160:LWS262169 MGO262160:MGO262169 MQK262160:MQK262169 NAG262160:NAG262169 NKC262160:NKC262169 NTY262160:NTY262169 ODU262160:ODU262169 ONQ262160:ONQ262169 OXM262160:OXM262169 PHI262160:PHI262169 PRE262160:PRE262169 QBA262160:QBA262169 QKW262160:QKW262169 QUS262160:QUS262169 REO262160:REO262169 ROK262160:ROK262169 RYG262160:RYG262169 SIC262160:SIC262169 SRY262160:SRY262169 TBU262160:TBU262169 TLQ262160:TLQ262169 TVM262160:TVM262169 UFI262160:UFI262169 UPE262160:UPE262169 UZA262160:UZA262169 VIW262160:VIW262169 VSS262160:VSS262169 WCO262160:WCO262169 WMK262160:WMK262169 WWG262160:WWG262169 Y327696:Y327705 JU327696:JU327705 TQ327696:TQ327705 ADM327696:ADM327705 ANI327696:ANI327705 AXE327696:AXE327705 BHA327696:BHA327705 BQW327696:BQW327705 CAS327696:CAS327705 CKO327696:CKO327705 CUK327696:CUK327705 DEG327696:DEG327705 DOC327696:DOC327705 DXY327696:DXY327705 EHU327696:EHU327705 ERQ327696:ERQ327705 FBM327696:FBM327705 FLI327696:FLI327705 FVE327696:FVE327705 GFA327696:GFA327705 GOW327696:GOW327705 GYS327696:GYS327705 HIO327696:HIO327705 HSK327696:HSK327705 ICG327696:ICG327705 IMC327696:IMC327705 IVY327696:IVY327705 JFU327696:JFU327705 JPQ327696:JPQ327705 JZM327696:JZM327705 KJI327696:KJI327705 KTE327696:KTE327705 LDA327696:LDA327705 LMW327696:LMW327705 LWS327696:LWS327705 MGO327696:MGO327705 MQK327696:MQK327705 NAG327696:NAG327705 NKC327696:NKC327705 NTY327696:NTY327705 ODU327696:ODU327705 ONQ327696:ONQ327705 OXM327696:OXM327705 PHI327696:PHI327705 PRE327696:PRE327705 QBA327696:QBA327705 QKW327696:QKW327705 QUS327696:QUS327705 REO327696:REO327705 ROK327696:ROK327705 RYG327696:RYG327705 SIC327696:SIC327705 SRY327696:SRY327705 TBU327696:TBU327705 TLQ327696:TLQ327705 TVM327696:TVM327705 UFI327696:UFI327705 UPE327696:UPE327705 UZA327696:UZA327705 VIW327696:VIW327705 VSS327696:VSS327705 WCO327696:WCO327705 WMK327696:WMK327705 WWG327696:WWG327705 Y393232:Y393241 JU393232:JU393241 TQ393232:TQ393241 ADM393232:ADM393241 ANI393232:ANI393241 AXE393232:AXE393241 BHA393232:BHA393241 BQW393232:BQW393241 CAS393232:CAS393241 CKO393232:CKO393241 CUK393232:CUK393241 DEG393232:DEG393241 DOC393232:DOC393241 DXY393232:DXY393241 EHU393232:EHU393241 ERQ393232:ERQ393241 FBM393232:FBM393241 FLI393232:FLI393241 FVE393232:FVE393241 GFA393232:GFA393241 GOW393232:GOW393241 GYS393232:GYS393241 HIO393232:HIO393241 HSK393232:HSK393241 ICG393232:ICG393241 IMC393232:IMC393241 IVY393232:IVY393241 JFU393232:JFU393241 JPQ393232:JPQ393241 JZM393232:JZM393241 KJI393232:KJI393241 KTE393232:KTE393241 LDA393232:LDA393241 LMW393232:LMW393241 LWS393232:LWS393241 MGO393232:MGO393241 MQK393232:MQK393241 NAG393232:NAG393241 NKC393232:NKC393241 NTY393232:NTY393241 ODU393232:ODU393241 ONQ393232:ONQ393241 OXM393232:OXM393241 PHI393232:PHI393241 PRE393232:PRE393241 QBA393232:QBA393241 QKW393232:QKW393241 QUS393232:QUS393241 REO393232:REO393241 ROK393232:ROK393241 RYG393232:RYG393241 SIC393232:SIC393241 SRY393232:SRY393241 TBU393232:TBU393241 TLQ393232:TLQ393241 TVM393232:TVM393241 UFI393232:UFI393241 UPE393232:UPE393241 UZA393232:UZA393241 VIW393232:VIW393241 VSS393232:VSS393241 WCO393232:WCO393241 WMK393232:WMK393241 WWG393232:WWG393241 Y458768:Y458777 JU458768:JU458777 TQ458768:TQ458777 ADM458768:ADM458777 ANI458768:ANI458777 AXE458768:AXE458777 BHA458768:BHA458777 BQW458768:BQW458777 CAS458768:CAS458777 CKO458768:CKO458777 CUK458768:CUK458777 DEG458768:DEG458777 DOC458768:DOC458777 DXY458768:DXY458777 EHU458768:EHU458777 ERQ458768:ERQ458777 FBM458768:FBM458777 FLI458768:FLI458777 FVE458768:FVE458777 GFA458768:GFA458777 GOW458768:GOW458777 GYS458768:GYS458777 HIO458768:HIO458777 HSK458768:HSK458777 ICG458768:ICG458777 IMC458768:IMC458777 IVY458768:IVY458777 JFU458768:JFU458777 JPQ458768:JPQ458777 JZM458768:JZM458777 KJI458768:KJI458777 KTE458768:KTE458777 LDA458768:LDA458777 LMW458768:LMW458777 LWS458768:LWS458777 MGO458768:MGO458777 MQK458768:MQK458777 NAG458768:NAG458777 NKC458768:NKC458777 NTY458768:NTY458777 ODU458768:ODU458777 ONQ458768:ONQ458777 OXM458768:OXM458777 PHI458768:PHI458777 PRE458768:PRE458777 QBA458768:QBA458777 QKW458768:QKW458777 QUS458768:QUS458777 REO458768:REO458777 ROK458768:ROK458777 RYG458768:RYG458777 SIC458768:SIC458777 SRY458768:SRY458777 TBU458768:TBU458777 TLQ458768:TLQ458777 TVM458768:TVM458777 UFI458768:UFI458777 UPE458768:UPE458777 UZA458768:UZA458777 VIW458768:VIW458777 VSS458768:VSS458777 WCO458768:WCO458777 WMK458768:WMK458777 WWG458768:WWG458777 Y524304:Y524313 JU524304:JU524313 TQ524304:TQ524313 ADM524304:ADM524313 ANI524304:ANI524313 AXE524304:AXE524313 BHA524304:BHA524313 BQW524304:BQW524313 CAS524304:CAS524313 CKO524304:CKO524313 CUK524304:CUK524313 DEG524304:DEG524313 DOC524304:DOC524313 DXY524304:DXY524313 EHU524304:EHU524313 ERQ524304:ERQ524313 FBM524304:FBM524313 FLI524304:FLI524313 FVE524304:FVE524313 GFA524304:GFA524313 GOW524304:GOW524313 GYS524304:GYS524313 HIO524304:HIO524313 HSK524304:HSK524313 ICG524304:ICG524313 IMC524304:IMC524313 IVY524304:IVY524313 JFU524304:JFU524313 JPQ524304:JPQ524313 JZM524304:JZM524313 KJI524304:KJI524313 KTE524304:KTE524313 LDA524304:LDA524313 LMW524304:LMW524313 LWS524304:LWS524313 MGO524304:MGO524313 MQK524304:MQK524313 NAG524304:NAG524313 NKC524304:NKC524313 NTY524304:NTY524313 ODU524304:ODU524313 ONQ524304:ONQ524313 OXM524304:OXM524313 PHI524304:PHI524313 PRE524304:PRE524313 QBA524304:QBA524313 QKW524304:QKW524313 QUS524304:QUS524313 REO524304:REO524313 ROK524304:ROK524313 RYG524304:RYG524313 SIC524304:SIC524313 SRY524304:SRY524313 TBU524304:TBU524313 TLQ524304:TLQ524313 TVM524304:TVM524313 UFI524304:UFI524313 UPE524304:UPE524313 UZA524304:UZA524313 VIW524304:VIW524313 VSS524304:VSS524313 WCO524304:WCO524313 WMK524304:WMK524313 WWG524304:WWG524313 Y589840:Y589849 JU589840:JU589849 TQ589840:TQ589849 ADM589840:ADM589849 ANI589840:ANI589849 AXE589840:AXE589849 BHA589840:BHA589849 BQW589840:BQW589849 CAS589840:CAS589849 CKO589840:CKO589849 CUK589840:CUK589849 DEG589840:DEG589849 DOC589840:DOC589849 DXY589840:DXY589849 EHU589840:EHU589849 ERQ589840:ERQ589849 FBM589840:FBM589849 FLI589840:FLI589849 FVE589840:FVE589849 GFA589840:GFA589849 GOW589840:GOW589849 GYS589840:GYS589849 HIO589840:HIO589849 HSK589840:HSK589849 ICG589840:ICG589849 IMC589840:IMC589849 IVY589840:IVY589849 JFU589840:JFU589849 JPQ589840:JPQ589849 JZM589840:JZM589849 KJI589840:KJI589849 KTE589840:KTE589849 LDA589840:LDA589849 LMW589840:LMW589849 LWS589840:LWS589849 MGO589840:MGO589849 MQK589840:MQK589849 NAG589840:NAG589849 NKC589840:NKC589849 NTY589840:NTY589849 ODU589840:ODU589849 ONQ589840:ONQ589849 OXM589840:OXM589849 PHI589840:PHI589849 PRE589840:PRE589849 QBA589840:QBA589849 QKW589840:QKW589849 QUS589840:QUS589849 REO589840:REO589849 ROK589840:ROK589849 RYG589840:RYG589849 SIC589840:SIC589849 SRY589840:SRY589849 TBU589840:TBU589849 TLQ589840:TLQ589849 TVM589840:TVM589849 UFI589840:UFI589849 UPE589840:UPE589849 UZA589840:UZA589849 VIW589840:VIW589849 VSS589840:VSS589849 WCO589840:WCO589849 WMK589840:WMK589849 WWG589840:WWG589849 Y655376:Y655385 JU655376:JU655385 TQ655376:TQ655385 ADM655376:ADM655385 ANI655376:ANI655385 AXE655376:AXE655385 BHA655376:BHA655385 BQW655376:BQW655385 CAS655376:CAS655385 CKO655376:CKO655385 CUK655376:CUK655385 DEG655376:DEG655385 DOC655376:DOC655385 DXY655376:DXY655385 EHU655376:EHU655385 ERQ655376:ERQ655385 FBM655376:FBM655385 FLI655376:FLI655385 FVE655376:FVE655385 GFA655376:GFA655385 GOW655376:GOW655385 GYS655376:GYS655385 HIO655376:HIO655385 HSK655376:HSK655385 ICG655376:ICG655385 IMC655376:IMC655385 IVY655376:IVY655385 JFU655376:JFU655385 JPQ655376:JPQ655385 JZM655376:JZM655385 KJI655376:KJI655385 KTE655376:KTE655385 LDA655376:LDA655385 LMW655376:LMW655385 LWS655376:LWS655385 MGO655376:MGO655385 MQK655376:MQK655385 NAG655376:NAG655385 NKC655376:NKC655385 NTY655376:NTY655385 ODU655376:ODU655385 ONQ655376:ONQ655385 OXM655376:OXM655385 PHI655376:PHI655385 PRE655376:PRE655385 QBA655376:QBA655385 QKW655376:QKW655385 QUS655376:QUS655385 REO655376:REO655385 ROK655376:ROK655385 RYG655376:RYG655385 SIC655376:SIC655385 SRY655376:SRY655385 TBU655376:TBU655385 TLQ655376:TLQ655385 TVM655376:TVM655385 UFI655376:UFI655385 UPE655376:UPE655385 UZA655376:UZA655385 VIW655376:VIW655385 VSS655376:VSS655385 WCO655376:WCO655385 WMK655376:WMK655385 WWG655376:WWG655385 Y720912:Y720921 JU720912:JU720921 TQ720912:TQ720921 ADM720912:ADM720921 ANI720912:ANI720921 AXE720912:AXE720921 BHA720912:BHA720921 BQW720912:BQW720921 CAS720912:CAS720921 CKO720912:CKO720921 CUK720912:CUK720921 DEG720912:DEG720921 DOC720912:DOC720921 DXY720912:DXY720921 EHU720912:EHU720921 ERQ720912:ERQ720921 FBM720912:FBM720921 FLI720912:FLI720921 FVE720912:FVE720921 GFA720912:GFA720921 GOW720912:GOW720921 GYS720912:GYS720921 HIO720912:HIO720921 HSK720912:HSK720921 ICG720912:ICG720921 IMC720912:IMC720921 IVY720912:IVY720921 JFU720912:JFU720921 JPQ720912:JPQ720921 JZM720912:JZM720921 KJI720912:KJI720921 KTE720912:KTE720921 LDA720912:LDA720921 LMW720912:LMW720921 LWS720912:LWS720921 MGO720912:MGO720921 MQK720912:MQK720921 NAG720912:NAG720921 NKC720912:NKC720921 NTY720912:NTY720921 ODU720912:ODU720921 ONQ720912:ONQ720921 OXM720912:OXM720921 PHI720912:PHI720921 PRE720912:PRE720921 QBA720912:QBA720921 QKW720912:QKW720921 QUS720912:QUS720921 REO720912:REO720921 ROK720912:ROK720921 RYG720912:RYG720921 SIC720912:SIC720921 SRY720912:SRY720921 TBU720912:TBU720921 TLQ720912:TLQ720921 TVM720912:TVM720921 UFI720912:UFI720921 UPE720912:UPE720921 UZA720912:UZA720921 VIW720912:VIW720921 VSS720912:VSS720921 WCO720912:WCO720921 WMK720912:WMK720921 WWG720912:WWG720921 Y786448:Y786457 JU786448:JU786457 TQ786448:TQ786457 ADM786448:ADM786457 ANI786448:ANI786457 AXE786448:AXE786457 BHA786448:BHA786457 BQW786448:BQW786457 CAS786448:CAS786457 CKO786448:CKO786457 CUK786448:CUK786457 DEG786448:DEG786457 DOC786448:DOC786457 DXY786448:DXY786457 EHU786448:EHU786457 ERQ786448:ERQ786457 FBM786448:FBM786457 FLI786448:FLI786457 FVE786448:FVE786457 GFA786448:GFA786457 GOW786448:GOW786457 GYS786448:GYS786457 HIO786448:HIO786457 HSK786448:HSK786457 ICG786448:ICG786457 IMC786448:IMC786457 IVY786448:IVY786457 JFU786448:JFU786457 JPQ786448:JPQ786457 JZM786448:JZM786457 KJI786448:KJI786457 KTE786448:KTE786457 LDA786448:LDA786457 LMW786448:LMW786457 LWS786448:LWS786457 MGO786448:MGO786457 MQK786448:MQK786457 NAG786448:NAG786457 NKC786448:NKC786457 NTY786448:NTY786457 ODU786448:ODU786457 ONQ786448:ONQ786457 OXM786448:OXM786457 PHI786448:PHI786457 PRE786448:PRE786457 QBA786448:QBA786457 QKW786448:QKW786457 QUS786448:QUS786457 REO786448:REO786457 ROK786448:ROK786457 RYG786448:RYG786457 SIC786448:SIC786457 SRY786448:SRY786457 TBU786448:TBU786457 TLQ786448:TLQ786457 TVM786448:TVM786457 UFI786448:UFI786457 UPE786448:UPE786457 UZA786448:UZA786457 VIW786448:VIW786457 VSS786448:VSS786457 WCO786448:WCO786457 WMK786448:WMK786457 WWG786448:WWG786457 Y851984:Y851993 JU851984:JU851993 TQ851984:TQ851993 ADM851984:ADM851993 ANI851984:ANI851993 AXE851984:AXE851993 BHA851984:BHA851993 BQW851984:BQW851993 CAS851984:CAS851993 CKO851984:CKO851993 CUK851984:CUK851993 DEG851984:DEG851993 DOC851984:DOC851993 DXY851984:DXY851993 EHU851984:EHU851993 ERQ851984:ERQ851993 FBM851984:FBM851993 FLI851984:FLI851993 FVE851984:FVE851993 GFA851984:GFA851993 GOW851984:GOW851993 GYS851984:GYS851993 HIO851984:HIO851993 HSK851984:HSK851993 ICG851984:ICG851993 IMC851984:IMC851993 IVY851984:IVY851993 JFU851984:JFU851993 JPQ851984:JPQ851993 JZM851984:JZM851993 KJI851984:KJI851993 KTE851984:KTE851993 LDA851984:LDA851993 LMW851984:LMW851993 LWS851984:LWS851993 MGO851984:MGO851993 MQK851984:MQK851993 NAG851984:NAG851993 NKC851984:NKC851993 NTY851984:NTY851993 ODU851984:ODU851993 ONQ851984:ONQ851993 OXM851984:OXM851993 PHI851984:PHI851993 PRE851984:PRE851993 QBA851984:QBA851993 QKW851984:QKW851993 QUS851984:QUS851993 REO851984:REO851993 ROK851984:ROK851993 RYG851984:RYG851993 SIC851984:SIC851993 SRY851984:SRY851993 TBU851984:TBU851993 TLQ851984:TLQ851993 TVM851984:TVM851993 UFI851984:UFI851993 UPE851984:UPE851993 UZA851984:UZA851993 VIW851984:VIW851993 VSS851984:VSS851993 WCO851984:WCO851993 WMK851984:WMK851993 WWG851984:WWG851993 Y917520:Y917529 JU917520:JU917529 TQ917520:TQ917529 ADM917520:ADM917529 ANI917520:ANI917529 AXE917520:AXE917529 BHA917520:BHA917529 BQW917520:BQW917529 CAS917520:CAS917529 CKO917520:CKO917529 CUK917520:CUK917529 DEG917520:DEG917529 DOC917520:DOC917529 DXY917520:DXY917529 EHU917520:EHU917529 ERQ917520:ERQ917529 FBM917520:FBM917529 FLI917520:FLI917529 FVE917520:FVE917529 GFA917520:GFA917529 GOW917520:GOW917529 GYS917520:GYS917529 HIO917520:HIO917529 HSK917520:HSK917529 ICG917520:ICG917529 IMC917520:IMC917529 IVY917520:IVY917529 JFU917520:JFU917529 JPQ917520:JPQ917529 JZM917520:JZM917529 KJI917520:KJI917529 KTE917520:KTE917529 LDA917520:LDA917529 LMW917520:LMW917529 LWS917520:LWS917529 MGO917520:MGO917529 MQK917520:MQK917529 NAG917520:NAG917529 NKC917520:NKC917529 NTY917520:NTY917529 ODU917520:ODU917529 ONQ917520:ONQ917529 OXM917520:OXM917529 PHI917520:PHI917529 PRE917520:PRE917529 QBA917520:QBA917529 QKW917520:QKW917529 QUS917520:QUS917529 REO917520:REO917529 ROK917520:ROK917529 RYG917520:RYG917529 SIC917520:SIC917529 SRY917520:SRY917529 TBU917520:TBU917529 TLQ917520:TLQ917529 TVM917520:TVM917529 UFI917520:UFI917529 UPE917520:UPE917529 UZA917520:UZA917529 VIW917520:VIW917529 VSS917520:VSS917529 WCO917520:WCO917529 WMK917520:WMK917529 WWG917520:WWG917529 Y983056:Y983065 JU983056:JU983065 TQ983056:TQ983065 ADM983056:ADM983065 ANI983056:ANI983065 AXE983056:AXE983065 BHA983056:BHA983065 BQW983056:BQW983065 CAS983056:CAS983065 CKO983056:CKO983065 CUK983056:CUK983065 DEG983056:DEG983065 DOC983056:DOC983065 DXY983056:DXY983065 EHU983056:EHU983065 ERQ983056:ERQ983065 FBM983056:FBM983065 FLI983056:FLI983065 FVE983056:FVE983065 GFA983056:GFA983065 GOW983056:GOW983065 GYS983056:GYS983065 HIO983056:HIO983065 HSK983056:HSK983065 ICG983056:ICG983065 IMC983056:IMC983065 IVY983056:IVY983065 JFU983056:JFU983065 JPQ983056:JPQ983065 JZM983056:JZM983065 KJI983056:KJI983065 KTE983056:KTE983065 LDA983056:LDA983065 LMW983056:LMW983065 LWS983056:LWS983065 MGO983056:MGO983065 MQK983056:MQK983065 NAG983056:NAG983065 NKC983056:NKC983065 NTY983056:NTY983065 ODU983056:ODU983065 ONQ983056:ONQ983065 OXM983056:OXM983065 PHI983056:PHI983065 PRE983056:PRE983065 QBA983056:QBA983065 QKW983056:QKW983065 QUS983056:QUS983065 REO983056:REO983065 ROK983056:ROK983065 RYG983056:RYG983065 SIC983056:SIC983065 SRY983056:SRY983065 TBU983056:TBU983065 TLQ983056:TLQ983065 TVM983056:TVM983065 UFI983056:UFI983065 UPE983056:UPE983065 UZA983056:UZA983065 VIW983056:VIW983065 VSS983056:VSS983065 WCO983056:WCO983065 WMK983056:WMK983065 WWG983056:WWG983065 AA15:AA24 JW15:JW24 TS15:TS24 ADO15:ADO24 ANK15:ANK24 AXG15:AXG24 BHC15:BHC24 BQY15:BQY24 CAU15:CAU24 CKQ15:CKQ24 CUM15:CUM24 DEI15:DEI24 DOE15:DOE24 DYA15:DYA24 EHW15:EHW24 ERS15:ERS24 FBO15:FBO24 FLK15:FLK24 FVG15:FVG24 GFC15:GFC24 GOY15:GOY24 GYU15:GYU24 HIQ15:HIQ24 HSM15:HSM24 ICI15:ICI24 IME15:IME24 IWA15:IWA24 JFW15:JFW24 JPS15:JPS24 JZO15:JZO24 KJK15:KJK24 KTG15:KTG24 LDC15:LDC24 LMY15:LMY24 LWU15:LWU24 MGQ15:MGQ24 MQM15:MQM24 NAI15:NAI24 NKE15:NKE24 NUA15:NUA24 ODW15:ODW24 ONS15:ONS24 OXO15:OXO24 PHK15:PHK24 PRG15:PRG24 QBC15:QBC24 QKY15:QKY24 QUU15:QUU24 REQ15:REQ24 ROM15:ROM24 RYI15:RYI24 SIE15:SIE24 SSA15:SSA24 TBW15:TBW24 TLS15:TLS24 TVO15:TVO24 UFK15:UFK24 UPG15:UPG24 UZC15:UZC24 VIY15:VIY24 VSU15:VSU24 WCQ15:WCQ24 WMM15:WMM24 WWI15:WWI24 AA65552:AA65561 JW65552:JW65561 TS65552:TS65561 ADO65552:ADO65561 ANK65552:ANK65561 AXG65552:AXG65561 BHC65552:BHC65561 BQY65552:BQY65561 CAU65552:CAU65561 CKQ65552:CKQ65561 CUM65552:CUM65561 DEI65552:DEI65561 DOE65552:DOE65561 DYA65552:DYA65561 EHW65552:EHW65561 ERS65552:ERS65561 FBO65552:FBO65561 FLK65552:FLK65561 FVG65552:FVG65561 GFC65552:GFC65561 GOY65552:GOY65561 GYU65552:GYU65561 HIQ65552:HIQ65561 HSM65552:HSM65561 ICI65552:ICI65561 IME65552:IME65561 IWA65552:IWA65561 JFW65552:JFW65561 JPS65552:JPS65561 JZO65552:JZO65561 KJK65552:KJK65561 KTG65552:KTG65561 LDC65552:LDC65561 LMY65552:LMY65561 LWU65552:LWU65561 MGQ65552:MGQ65561 MQM65552:MQM65561 NAI65552:NAI65561 NKE65552:NKE65561 NUA65552:NUA65561 ODW65552:ODW65561 ONS65552:ONS65561 OXO65552:OXO65561 PHK65552:PHK65561 PRG65552:PRG65561 QBC65552:QBC65561 QKY65552:QKY65561 QUU65552:QUU65561 REQ65552:REQ65561 ROM65552:ROM65561 RYI65552:RYI65561 SIE65552:SIE65561 SSA65552:SSA65561 TBW65552:TBW65561 TLS65552:TLS65561 TVO65552:TVO65561 UFK65552:UFK65561 UPG65552:UPG65561 UZC65552:UZC65561 VIY65552:VIY65561 VSU65552:VSU65561 WCQ65552:WCQ65561 WMM65552:WMM65561 WWI65552:WWI65561 AA131088:AA131097 JW131088:JW131097 TS131088:TS131097 ADO131088:ADO131097 ANK131088:ANK131097 AXG131088:AXG131097 BHC131088:BHC131097 BQY131088:BQY131097 CAU131088:CAU131097 CKQ131088:CKQ131097 CUM131088:CUM131097 DEI131088:DEI131097 DOE131088:DOE131097 DYA131088:DYA131097 EHW131088:EHW131097 ERS131088:ERS131097 FBO131088:FBO131097 FLK131088:FLK131097 FVG131088:FVG131097 GFC131088:GFC131097 GOY131088:GOY131097 GYU131088:GYU131097 HIQ131088:HIQ131097 HSM131088:HSM131097 ICI131088:ICI131097 IME131088:IME131097 IWA131088:IWA131097 JFW131088:JFW131097 JPS131088:JPS131097 JZO131088:JZO131097 KJK131088:KJK131097 KTG131088:KTG131097 LDC131088:LDC131097 LMY131088:LMY131097 LWU131088:LWU131097 MGQ131088:MGQ131097 MQM131088:MQM131097 NAI131088:NAI131097 NKE131088:NKE131097 NUA131088:NUA131097 ODW131088:ODW131097 ONS131088:ONS131097 OXO131088:OXO131097 PHK131088:PHK131097 PRG131088:PRG131097 QBC131088:QBC131097 QKY131088:QKY131097 QUU131088:QUU131097 REQ131088:REQ131097 ROM131088:ROM131097 RYI131088:RYI131097 SIE131088:SIE131097 SSA131088:SSA131097 TBW131088:TBW131097 TLS131088:TLS131097 TVO131088:TVO131097 UFK131088:UFK131097 UPG131088:UPG131097 UZC131088:UZC131097 VIY131088:VIY131097 VSU131088:VSU131097 WCQ131088:WCQ131097 WMM131088:WMM131097 WWI131088:WWI131097 AA196624:AA196633 JW196624:JW196633 TS196624:TS196633 ADO196624:ADO196633 ANK196624:ANK196633 AXG196624:AXG196633 BHC196624:BHC196633 BQY196624:BQY196633 CAU196624:CAU196633 CKQ196624:CKQ196633 CUM196624:CUM196633 DEI196624:DEI196633 DOE196624:DOE196633 DYA196624:DYA196633 EHW196624:EHW196633 ERS196624:ERS196633 FBO196624:FBO196633 FLK196624:FLK196633 FVG196624:FVG196633 GFC196624:GFC196633 GOY196624:GOY196633 GYU196624:GYU196633 HIQ196624:HIQ196633 HSM196624:HSM196633 ICI196624:ICI196633 IME196624:IME196633 IWA196624:IWA196633 JFW196624:JFW196633 JPS196624:JPS196633 JZO196624:JZO196633 KJK196624:KJK196633 KTG196624:KTG196633 LDC196624:LDC196633 LMY196624:LMY196633 LWU196624:LWU196633 MGQ196624:MGQ196633 MQM196624:MQM196633 NAI196624:NAI196633 NKE196624:NKE196633 NUA196624:NUA196633 ODW196624:ODW196633 ONS196624:ONS196633 OXO196624:OXO196633 PHK196624:PHK196633 PRG196624:PRG196633 QBC196624:QBC196633 QKY196624:QKY196633 QUU196624:QUU196633 REQ196624:REQ196633 ROM196624:ROM196633 RYI196624:RYI196633 SIE196624:SIE196633 SSA196624:SSA196633 TBW196624:TBW196633 TLS196624:TLS196633 TVO196624:TVO196633 UFK196624:UFK196633 UPG196624:UPG196633 UZC196624:UZC196633 VIY196624:VIY196633 VSU196624:VSU196633 WCQ196624:WCQ196633 WMM196624:WMM196633 WWI196624:WWI196633 AA262160:AA262169 JW262160:JW262169 TS262160:TS262169 ADO262160:ADO262169 ANK262160:ANK262169 AXG262160:AXG262169 BHC262160:BHC262169 BQY262160:BQY262169 CAU262160:CAU262169 CKQ262160:CKQ262169 CUM262160:CUM262169 DEI262160:DEI262169 DOE262160:DOE262169 DYA262160:DYA262169 EHW262160:EHW262169 ERS262160:ERS262169 FBO262160:FBO262169 FLK262160:FLK262169 FVG262160:FVG262169 GFC262160:GFC262169 GOY262160:GOY262169 GYU262160:GYU262169 HIQ262160:HIQ262169 HSM262160:HSM262169 ICI262160:ICI262169 IME262160:IME262169 IWA262160:IWA262169 JFW262160:JFW262169 JPS262160:JPS262169 JZO262160:JZO262169 KJK262160:KJK262169 KTG262160:KTG262169 LDC262160:LDC262169 LMY262160:LMY262169 LWU262160:LWU262169 MGQ262160:MGQ262169 MQM262160:MQM262169 NAI262160:NAI262169 NKE262160:NKE262169 NUA262160:NUA262169 ODW262160:ODW262169 ONS262160:ONS262169 OXO262160:OXO262169 PHK262160:PHK262169 PRG262160:PRG262169 QBC262160:QBC262169 QKY262160:QKY262169 QUU262160:QUU262169 REQ262160:REQ262169 ROM262160:ROM262169 RYI262160:RYI262169 SIE262160:SIE262169 SSA262160:SSA262169 TBW262160:TBW262169 TLS262160:TLS262169 TVO262160:TVO262169 UFK262160:UFK262169 UPG262160:UPG262169 UZC262160:UZC262169 VIY262160:VIY262169 VSU262160:VSU262169 WCQ262160:WCQ262169 WMM262160:WMM262169 WWI262160:WWI262169 AA327696:AA327705 JW327696:JW327705 TS327696:TS327705 ADO327696:ADO327705 ANK327696:ANK327705 AXG327696:AXG327705 BHC327696:BHC327705 BQY327696:BQY327705 CAU327696:CAU327705 CKQ327696:CKQ327705 CUM327696:CUM327705 DEI327696:DEI327705 DOE327696:DOE327705 DYA327696:DYA327705 EHW327696:EHW327705 ERS327696:ERS327705 FBO327696:FBO327705 FLK327696:FLK327705 FVG327696:FVG327705 GFC327696:GFC327705 GOY327696:GOY327705 GYU327696:GYU327705 HIQ327696:HIQ327705 HSM327696:HSM327705 ICI327696:ICI327705 IME327696:IME327705 IWA327696:IWA327705 JFW327696:JFW327705 JPS327696:JPS327705 JZO327696:JZO327705 KJK327696:KJK327705 KTG327696:KTG327705 LDC327696:LDC327705 LMY327696:LMY327705 LWU327696:LWU327705 MGQ327696:MGQ327705 MQM327696:MQM327705 NAI327696:NAI327705 NKE327696:NKE327705 NUA327696:NUA327705 ODW327696:ODW327705 ONS327696:ONS327705 OXO327696:OXO327705 PHK327696:PHK327705 PRG327696:PRG327705 QBC327696:QBC327705 QKY327696:QKY327705 QUU327696:QUU327705 REQ327696:REQ327705 ROM327696:ROM327705 RYI327696:RYI327705 SIE327696:SIE327705 SSA327696:SSA327705 TBW327696:TBW327705 TLS327696:TLS327705 TVO327696:TVO327705 UFK327696:UFK327705 UPG327696:UPG327705 UZC327696:UZC327705 VIY327696:VIY327705 VSU327696:VSU327705 WCQ327696:WCQ327705 WMM327696:WMM327705 WWI327696:WWI327705 AA393232:AA393241 JW393232:JW393241 TS393232:TS393241 ADO393232:ADO393241 ANK393232:ANK393241 AXG393232:AXG393241 BHC393232:BHC393241 BQY393232:BQY393241 CAU393232:CAU393241 CKQ393232:CKQ393241 CUM393232:CUM393241 DEI393232:DEI393241 DOE393232:DOE393241 DYA393232:DYA393241 EHW393232:EHW393241 ERS393232:ERS393241 FBO393232:FBO393241 FLK393232:FLK393241 FVG393232:FVG393241 GFC393232:GFC393241 GOY393232:GOY393241 GYU393232:GYU393241 HIQ393232:HIQ393241 HSM393232:HSM393241 ICI393232:ICI393241 IME393232:IME393241 IWA393232:IWA393241 JFW393232:JFW393241 JPS393232:JPS393241 JZO393232:JZO393241 KJK393232:KJK393241 KTG393232:KTG393241 LDC393232:LDC393241 LMY393232:LMY393241 LWU393232:LWU393241 MGQ393232:MGQ393241 MQM393232:MQM393241 NAI393232:NAI393241 NKE393232:NKE393241 NUA393232:NUA393241 ODW393232:ODW393241 ONS393232:ONS393241 OXO393232:OXO393241 PHK393232:PHK393241 PRG393232:PRG393241 QBC393232:QBC393241 QKY393232:QKY393241 QUU393232:QUU393241 REQ393232:REQ393241 ROM393232:ROM393241 RYI393232:RYI393241 SIE393232:SIE393241 SSA393232:SSA393241 TBW393232:TBW393241 TLS393232:TLS393241 TVO393232:TVO393241 UFK393232:UFK393241 UPG393232:UPG393241 UZC393232:UZC393241 VIY393232:VIY393241 VSU393232:VSU393241 WCQ393232:WCQ393241 WMM393232:WMM393241 WWI393232:WWI393241 AA458768:AA458777 JW458768:JW458777 TS458768:TS458777 ADO458768:ADO458777 ANK458768:ANK458777 AXG458768:AXG458777 BHC458768:BHC458777 BQY458768:BQY458777 CAU458768:CAU458777 CKQ458768:CKQ458777 CUM458768:CUM458777 DEI458768:DEI458777 DOE458768:DOE458777 DYA458768:DYA458777 EHW458768:EHW458777 ERS458768:ERS458777 FBO458768:FBO458777 FLK458768:FLK458777 FVG458768:FVG458777 GFC458768:GFC458777 GOY458768:GOY458777 GYU458768:GYU458777 HIQ458768:HIQ458777 HSM458768:HSM458777 ICI458768:ICI458777 IME458768:IME458777 IWA458768:IWA458777 JFW458768:JFW458777 JPS458768:JPS458777 JZO458768:JZO458777 KJK458768:KJK458777 KTG458768:KTG458777 LDC458768:LDC458777 LMY458768:LMY458777 LWU458768:LWU458777 MGQ458768:MGQ458777 MQM458768:MQM458777 NAI458768:NAI458777 NKE458768:NKE458777 NUA458768:NUA458777 ODW458768:ODW458777 ONS458768:ONS458777 OXO458768:OXO458777 PHK458768:PHK458777 PRG458768:PRG458777 QBC458768:QBC458777 QKY458768:QKY458777 QUU458768:QUU458777 REQ458768:REQ458777 ROM458768:ROM458777 RYI458768:RYI458777 SIE458768:SIE458777 SSA458768:SSA458777 TBW458768:TBW458777 TLS458768:TLS458777 TVO458768:TVO458777 UFK458768:UFK458777 UPG458768:UPG458777 UZC458768:UZC458777 VIY458768:VIY458777 VSU458768:VSU458777 WCQ458768:WCQ458777 WMM458768:WMM458777 WWI458768:WWI458777 AA524304:AA524313 JW524304:JW524313 TS524304:TS524313 ADO524304:ADO524313 ANK524304:ANK524313 AXG524304:AXG524313 BHC524304:BHC524313 BQY524304:BQY524313 CAU524304:CAU524313 CKQ524304:CKQ524313 CUM524304:CUM524313 DEI524304:DEI524313 DOE524304:DOE524313 DYA524304:DYA524313 EHW524304:EHW524313 ERS524304:ERS524313 FBO524304:FBO524313 FLK524304:FLK524313 FVG524304:FVG524313 GFC524304:GFC524313 GOY524304:GOY524313 GYU524304:GYU524313 HIQ524304:HIQ524313 HSM524304:HSM524313 ICI524304:ICI524313 IME524304:IME524313 IWA524304:IWA524313 JFW524304:JFW524313 JPS524304:JPS524313 JZO524304:JZO524313 KJK524304:KJK524313 KTG524304:KTG524313 LDC524304:LDC524313 LMY524304:LMY524313 LWU524304:LWU524313 MGQ524304:MGQ524313 MQM524304:MQM524313 NAI524304:NAI524313 NKE524304:NKE524313 NUA524304:NUA524313 ODW524304:ODW524313 ONS524304:ONS524313 OXO524304:OXO524313 PHK524304:PHK524313 PRG524304:PRG524313 QBC524304:QBC524313 QKY524304:QKY524313 QUU524304:QUU524313 REQ524304:REQ524313 ROM524304:ROM524313 RYI524304:RYI524313 SIE524304:SIE524313 SSA524304:SSA524313 TBW524304:TBW524313 TLS524304:TLS524313 TVO524304:TVO524313 UFK524304:UFK524313 UPG524304:UPG524313 UZC524304:UZC524313 VIY524304:VIY524313 VSU524304:VSU524313 WCQ524304:WCQ524313 WMM524304:WMM524313 WWI524304:WWI524313 AA589840:AA589849 JW589840:JW589849 TS589840:TS589849 ADO589840:ADO589849 ANK589840:ANK589849 AXG589840:AXG589849 BHC589840:BHC589849 BQY589840:BQY589849 CAU589840:CAU589849 CKQ589840:CKQ589849 CUM589840:CUM589849 DEI589840:DEI589849 DOE589840:DOE589849 DYA589840:DYA589849 EHW589840:EHW589849 ERS589840:ERS589849 FBO589840:FBO589849 FLK589840:FLK589849 FVG589840:FVG589849 GFC589840:GFC589849 GOY589840:GOY589849 GYU589840:GYU589849 HIQ589840:HIQ589849 HSM589840:HSM589849 ICI589840:ICI589849 IME589840:IME589849 IWA589840:IWA589849 JFW589840:JFW589849 JPS589840:JPS589849 JZO589840:JZO589849 KJK589840:KJK589849 KTG589840:KTG589849 LDC589840:LDC589849 LMY589840:LMY589849 LWU589840:LWU589849 MGQ589840:MGQ589849 MQM589840:MQM589849 NAI589840:NAI589849 NKE589840:NKE589849 NUA589840:NUA589849 ODW589840:ODW589849 ONS589840:ONS589849 OXO589840:OXO589849 PHK589840:PHK589849 PRG589840:PRG589849 QBC589840:QBC589849 QKY589840:QKY589849 QUU589840:QUU589849 REQ589840:REQ589849 ROM589840:ROM589849 RYI589840:RYI589849 SIE589840:SIE589849 SSA589840:SSA589849 TBW589840:TBW589849 TLS589840:TLS589849 TVO589840:TVO589849 UFK589840:UFK589849 UPG589840:UPG589849 UZC589840:UZC589849 VIY589840:VIY589849 VSU589840:VSU589849 WCQ589840:WCQ589849 WMM589840:WMM589849 WWI589840:WWI589849 AA655376:AA655385 JW655376:JW655385 TS655376:TS655385 ADO655376:ADO655385 ANK655376:ANK655385 AXG655376:AXG655385 BHC655376:BHC655385 BQY655376:BQY655385 CAU655376:CAU655385 CKQ655376:CKQ655385 CUM655376:CUM655385 DEI655376:DEI655385 DOE655376:DOE655385 DYA655376:DYA655385 EHW655376:EHW655385 ERS655376:ERS655385 FBO655376:FBO655385 FLK655376:FLK655385 FVG655376:FVG655385 GFC655376:GFC655385 GOY655376:GOY655385 GYU655376:GYU655385 HIQ655376:HIQ655385 HSM655376:HSM655385 ICI655376:ICI655385 IME655376:IME655385 IWA655376:IWA655385 JFW655376:JFW655385 JPS655376:JPS655385 JZO655376:JZO655385 KJK655376:KJK655385 KTG655376:KTG655385 LDC655376:LDC655385 LMY655376:LMY655385 LWU655376:LWU655385 MGQ655376:MGQ655385 MQM655376:MQM655385 NAI655376:NAI655385 NKE655376:NKE655385 NUA655376:NUA655385 ODW655376:ODW655385 ONS655376:ONS655385 OXO655376:OXO655385 PHK655376:PHK655385 PRG655376:PRG655385 QBC655376:QBC655385 QKY655376:QKY655385 QUU655376:QUU655385 REQ655376:REQ655385 ROM655376:ROM655385 RYI655376:RYI655385 SIE655376:SIE655385 SSA655376:SSA655385 TBW655376:TBW655385 TLS655376:TLS655385 TVO655376:TVO655385 UFK655376:UFK655385 UPG655376:UPG655385 UZC655376:UZC655385 VIY655376:VIY655385 VSU655376:VSU655385 WCQ655376:WCQ655385 WMM655376:WMM655385 WWI655376:WWI655385 AA720912:AA720921 JW720912:JW720921 TS720912:TS720921 ADO720912:ADO720921 ANK720912:ANK720921 AXG720912:AXG720921 BHC720912:BHC720921 BQY720912:BQY720921 CAU720912:CAU720921 CKQ720912:CKQ720921 CUM720912:CUM720921 DEI720912:DEI720921 DOE720912:DOE720921 DYA720912:DYA720921 EHW720912:EHW720921 ERS720912:ERS720921 FBO720912:FBO720921 FLK720912:FLK720921 FVG720912:FVG720921 GFC720912:GFC720921 GOY720912:GOY720921 GYU720912:GYU720921 HIQ720912:HIQ720921 HSM720912:HSM720921 ICI720912:ICI720921 IME720912:IME720921 IWA720912:IWA720921 JFW720912:JFW720921 JPS720912:JPS720921 JZO720912:JZO720921 KJK720912:KJK720921 KTG720912:KTG720921 LDC720912:LDC720921 LMY720912:LMY720921 LWU720912:LWU720921 MGQ720912:MGQ720921 MQM720912:MQM720921 NAI720912:NAI720921 NKE720912:NKE720921 NUA720912:NUA720921 ODW720912:ODW720921 ONS720912:ONS720921 OXO720912:OXO720921 PHK720912:PHK720921 PRG720912:PRG720921 QBC720912:QBC720921 QKY720912:QKY720921 QUU720912:QUU720921 REQ720912:REQ720921 ROM720912:ROM720921 RYI720912:RYI720921 SIE720912:SIE720921 SSA720912:SSA720921 TBW720912:TBW720921 TLS720912:TLS720921 TVO720912:TVO720921 UFK720912:UFK720921 UPG720912:UPG720921 UZC720912:UZC720921 VIY720912:VIY720921 VSU720912:VSU720921 WCQ720912:WCQ720921 WMM720912:WMM720921 WWI720912:WWI720921 AA786448:AA786457 JW786448:JW786457 TS786448:TS786457 ADO786448:ADO786457 ANK786448:ANK786457 AXG786448:AXG786457 BHC786448:BHC786457 BQY786448:BQY786457 CAU786448:CAU786457 CKQ786448:CKQ786457 CUM786448:CUM786457 DEI786448:DEI786457 DOE786448:DOE786457 DYA786448:DYA786457 EHW786448:EHW786457 ERS786448:ERS786457 FBO786448:FBO786457 FLK786448:FLK786457 FVG786448:FVG786457 GFC786448:GFC786457 GOY786448:GOY786457 GYU786448:GYU786457 HIQ786448:HIQ786457 HSM786448:HSM786457 ICI786448:ICI786457 IME786448:IME786457 IWA786448:IWA786457 JFW786448:JFW786457 JPS786448:JPS786457 JZO786448:JZO786457 KJK786448:KJK786457 KTG786448:KTG786457 LDC786448:LDC786457 LMY786448:LMY786457 LWU786448:LWU786457 MGQ786448:MGQ786457 MQM786448:MQM786457 NAI786448:NAI786457 NKE786448:NKE786457 NUA786448:NUA786457 ODW786448:ODW786457 ONS786448:ONS786457 OXO786448:OXO786457 PHK786448:PHK786457 PRG786448:PRG786457 QBC786448:QBC786457 QKY786448:QKY786457 QUU786448:QUU786457 REQ786448:REQ786457 ROM786448:ROM786457 RYI786448:RYI786457 SIE786448:SIE786457 SSA786448:SSA786457 TBW786448:TBW786457 TLS786448:TLS786457 TVO786448:TVO786457 UFK786448:UFK786457 UPG786448:UPG786457 UZC786448:UZC786457 VIY786448:VIY786457 VSU786448:VSU786457 WCQ786448:WCQ786457 WMM786448:WMM786457 WWI786448:WWI786457 AA851984:AA851993 JW851984:JW851993 TS851984:TS851993 ADO851984:ADO851993 ANK851984:ANK851993 AXG851984:AXG851993 BHC851984:BHC851993 BQY851984:BQY851993 CAU851984:CAU851993 CKQ851984:CKQ851993 CUM851984:CUM851993 DEI851984:DEI851993 DOE851984:DOE851993 DYA851984:DYA851993 EHW851984:EHW851993 ERS851984:ERS851993 FBO851984:FBO851993 FLK851984:FLK851993 FVG851984:FVG851993 GFC851984:GFC851993 GOY851984:GOY851993 GYU851984:GYU851993 HIQ851984:HIQ851993 HSM851984:HSM851993 ICI851984:ICI851993 IME851984:IME851993 IWA851984:IWA851993 JFW851984:JFW851993 JPS851984:JPS851993 JZO851984:JZO851993 KJK851984:KJK851993 KTG851984:KTG851993 LDC851984:LDC851993 LMY851984:LMY851993 LWU851984:LWU851993 MGQ851984:MGQ851993 MQM851984:MQM851993 NAI851984:NAI851993 NKE851984:NKE851993 NUA851984:NUA851993 ODW851984:ODW851993 ONS851984:ONS851993 OXO851984:OXO851993 PHK851984:PHK851993 PRG851984:PRG851993 QBC851984:QBC851993 QKY851984:QKY851993 QUU851984:QUU851993 REQ851984:REQ851993 ROM851984:ROM851993 RYI851984:RYI851993 SIE851984:SIE851993 SSA851984:SSA851993 TBW851984:TBW851993 TLS851984:TLS851993 TVO851984:TVO851993 UFK851984:UFK851993 UPG851984:UPG851993 UZC851984:UZC851993 VIY851984:VIY851993 VSU851984:VSU851993 WCQ851984:WCQ851993 WMM851984:WMM851993 WWI851984:WWI851993 AA917520:AA917529 JW917520:JW917529 TS917520:TS917529 ADO917520:ADO917529 ANK917520:ANK917529 AXG917520:AXG917529 BHC917520:BHC917529 BQY917520:BQY917529 CAU917520:CAU917529 CKQ917520:CKQ917529 CUM917520:CUM917529 DEI917520:DEI917529 DOE917520:DOE917529 DYA917520:DYA917529 EHW917520:EHW917529 ERS917520:ERS917529 FBO917520:FBO917529 FLK917520:FLK917529 FVG917520:FVG917529 GFC917520:GFC917529 GOY917520:GOY917529 GYU917520:GYU917529 HIQ917520:HIQ917529 HSM917520:HSM917529 ICI917520:ICI917529 IME917520:IME917529 IWA917520:IWA917529 JFW917520:JFW917529 JPS917520:JPS917529 JZO917520:JZO917529 KJK917520:KJK917529 KTG917520:KTG917529 LDC917520:LDC917529 LMY917520:LMY917529 LWU917520:LWU917529 MGQ917520:MGQ917529 MQM917520:MQM917529 NAI917520:NAI917529 NKE917520:NKE917529 NUA917520:NUA917529 ODW917520:ODW917529 ONS917520:ONS917529 OXO917520:OXO917529 PHK917520:PHK917529 PRG917520:PRG917529 QBC917520:QBC917529 QKY917520:QKY917529 QUU917520:QUU917529 REQ917520:REQ917529 ROM917520:ROM917529 RYI917520:RYI917529 SIE917520:SIE917529 SSA917520:SSA917529 TBW917520:TBW917529 TLS917520:TLS917529 TVO917520:TVO917529 UFK917520:UFK917529 UPG917520:UPG917529 UZC917520:UZC917529 VIY917520:VIY917529 VSU917520:VSU917529 WCQ917520:WCQ917529 WMM917520:WMM917529 WWI917520:WWI917529 AA983056:AA983065 JW983056:JW983065 TS983056:TS983065 ADO983056:ADO983065 ANK983056:ANK983065 AXG983056:AXG983065 BHC983056:BHC983065 BQY983056:BQY983065 CAU983056:CAU983065 CKQ983056:CKQ983065 CUM983056:CUM983065 DEI983056:DEI983065 DOE983056:DOE983065 DYA983056:DYA983065 EHW983056:EHW983065 ERS983056:ERS983065 FBO983056:FBO983065 FLK983056:FLK983065 FVG983056:FVG983065 GFC983056:GFC983065 GOY983056:GOY983065 GYU983056:GYU983065 HIQ983056:HIQ983065 HSM983056:HSM983065 ICI983056:ICI983065 IME983056:IME983065 IWA983056:IWA983065 JFW983056:JFW983065 JPS983056:JPS983065 JZO983056:JZO983065 KJK983056:KJK983065 KTG983056:KTG983065 LDC983056:LDC983065 LMY983056:LMY983065 LWU983056:LWU983065 MGQ983056:MGQ983065 MQM983056:MQM983065 NAI983056:NAI983065 NKE983056:NKE983065 NUA983056:NUA983065 ODW983056:ODW983065 ONS983056:ONS983065 OXO983056:OXO983065 PHK983056:PHK983065 PRG983056:PRG983065 QBC983056:QBC983065 QKY983056:QKY983065 QUU983056:QUU983065 REQ983056:REQ983065 ROM983056:ROM983065 RYI983056:RYI983065 SIE983056:SIE983065 SSA983056:SSA983065 TBW983056:TBW983065 TLS983056:TLS983065 TVO983056:TVO983065 UFK983056:UFK983065 UPG983056:UPG983065 UZC983056:UZC983065 VIY983056:VIY983065 VSU983056:VSU983065 WCQ983056:WCQ983065 WMM983056:WMM983065 WWI983056:WWI98306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571EDB-BB52-4254-96E8-400351EB3238}">
  <dimension ref="A1:Z33"/>
  <sheetViews>
    <sheetView showGridLines="0" view="pageBreakPreview" zoomScale="80" zoomScaleNormal="100" zoomScaleSheetLayoutView="80" workbookViewId="0">
      <selection activeCell="B10" sqref="B10:Y10"/>
    </sheetView>
  </sheetViews>
  <sheetFormatPr defaultColWidth="9" defaultRowHeight="13.5"/>
  <cols>
    <col min="1" max="1" width="3.25" style="4" customWidth="1"/>
    <col min="2" max="6" width="4.5" style="4" customWidth="1"/>
    <col min="7" max="7" width="2.5" style="4" customWidth="1"/>
    <col min="8" max="8" width="5.25" style="4" customWidth="1"/>
    <col min="9" max="9" width="4.5" style="4" customWidth="1"/>
    <col min="10" max="11" width="2.5" style="4" customWidth="1"/>
    <col min="12" max="13" width="4.5" style="4" customWidth="1"/>
    <col min="14" max="15" width="2.5" style="4" customWidth="1"/>
    <col min="16" max="19" width="4.5" style="4" customWidth="1"/>
    <col min="20" max="23" width="2.5" style="4" customWidth="1"/>
    <col min="24" max="25" width="3.25" style="4" customWidth="1"/>
    <col min="26" max="26" width="5.125" style="4" customWidth="1"/>
    <col min="27" max="261" width="9" style="4"/>
    <col min="262" max="262" width="3.25" style="4" customWidth="1"/>
    <col min="263" max="279" width="4.5" style="4" customWidth="1"/>
    <col min="280" max="280" width="5.75" style="4" customWidth="1"/>
    <col min="281" max="281" width="5.875" style="4" customWidth="1"/>
    <col min="282" max="282" width="5.125" style="4" customWidth="1"/>
    <col min="283" max="517" width="9" style="4"/>
    <col min="518" max="518" width="3.25" style="4" customWidth="1"/>
    <col min="519" max="535" width="4.5" style="4" customWidth="1"/>
    <col min="536" max="536" width="5.75" style="4" customWidth="1"/>
    <col min="537" max="537" width="5.875" style="4" customWidth="1"/>
    <col min="538" max="538" width="5.125" style="4" customWidth="1"/>
    <col min="539" max="773" width="9" style="4"/>
    <col min="774" max="774" width="3.25" style="4" customWidth="1"/>
    <col min="775" max="791" width="4.5" style="4" customWidth="1"/>
    <col min="792" max="792" width="5.75" style="4" customWidth="1"/>
    <col min="793" max="793" width="5.875" style="4" customWidth="1"/>
    <col min="794" max="794" width="5.125" style="4" customWidth="1"/>
    <col min="795" max="1029" width="9" style="4"/>
    <col min="1030" max="1030" width="3.25" style="4" customWidth="1"/>
    <col min="1031" max="1047" width="4.5" style="4" customWidth="1"/>
    <col min="1048" max="1048" width="5.75" style="4" customWidth="1"/>
    <col min="1049" max="1049" width="5.875" style="4" customWidth="1"/>
    <col min="1050" max="1050" width="5.125" style="4" customWidth="1"/>
    <col min="1051" max="1285" width="9" style="4"/>
    <col min="1286" max="1286" width="3.25" style="4" customWidth="1"/>
    <col min="1287" max="1303" width="4.5" style="4" customWidth="1"/>
    <col min="1304" max="1304" width="5.75" style="4" customWidth="1"/>
    <col min="1305" max="1305" width="5.875" style="4" customWidth="1"/>
    <col min="1306" max="1306" width="5.125" style="4" customWidth="1"/>
    <col min="1307" max="1541" width="9" style="4"/>
    <col min="1542" max="1542" width="3.25" style="4" customWidth="1"/>
    <col min="1543" max="1559" width="4.5" style="4" customWidth="1"/>
    <col min="1560" max="1560" width="5.75" style="4" customWidth="1"/>
    <col min="1561" max="1561" width="5.875" style="4" customWidth="1"/>
    <col min="1562" max="1562" width="5.125" style="4" customWidth="1"/>
    <col min="1563" max="1797" width="9" style="4"/>
    <col min="1798" max="1798" width="3.25" style="4" customWidth="1"/>
    <col min="1799" max="1815" width="4.5" style="4" customWidth="1"/>
    <col min="1816" max="1816" width="5.75" style="4" customWidth="1"/>
    <col min="1817" max="1817" width="5.875" style="4" customWidth="1"/>
    <col min="1818" max="1818" width="5.125" style="4" customWidth="1"/>
    <col min="1819" max="2053" width="9" style="4"/>
    <col min="2054" max="2054" width="3.25" style="4" customWidth="1"/>
    <col min="2055" max="2071" width="4.5" style="4" customWidth="1"/>
    <col min="2072" max="2072" width="5.75" style="4" customWidth="1"/>
    <col min="2073" max="2073" width="5.875" style="4" customWidth="1"/>
    <col min="2074" max="2074" width="5.125" style="4" customWidth="1"/>
    <col min="2075" max="2309" width="9" style="4"/>
    <col min="2310" max="2310" width="3.25" style="4" customWidth="1"/>
    <col min="2311" max="2327" width="4.5" style="4" customWidth="1"/>
    <col min="2328" max="2328" width="5.75" style="4" customWidth="1"/>
    <col min="2329" max="2329" width="5.875" style="4" customWidth="1"/>
    <col min="2330" max="2330" width="5.125" style="4" customWidth="1"/>
    <col min="2331" max="2565" width="9" style="4"/>
    <col min="2566" max="2566" width="3.25" style="4" customWidth="1"/>
    <col min="2567" max="2583" width="4.5" style="4" customWidth="1"/>
    <col min="2584" max="2584" width="5.75" style="4" customWidth="1"/>
    <col min="2585" max="2585" width="5.875" style="4" customWidth="1"/>
    <col min="2586" max="2586" width="5.125" style="4" customWidth="1"/>
    <col min="2587" max="2821" width="9" style="4"/>
    <col min="2822" max="2822" width="3.25" style="4" customWidth="1"/>
    <col min="2823" max="2839" width="4.5" style="4" customWidth="1"/>
    <col min="2840" max="2840" width="5.75" style="4" customWidth="1"/>
    <col min="2841" max="2841" width="5.875" style="4" customWidth="1"/>
    <col min="2842" max="2842" width="5.125" style="4" customWidth="1"/>
    <col min="2843" max="3077" width="9" style="4"/>
    <col min="3078" max="3078" width="3.25" style="4" customWidth="1"/>
    <col min="3079" max="3095" width="4.5" style="4" customWidth="1"/>
    <col min="3096" max="3096" width="5.75" style="4" customWidth="1"/>
    <col min="3097" max="3097" width="5.875" style="4" customWidth="1"/>
    <col min="3098" max="3098" width="5.125" style="4" customWidth="1"/>
    <col min="3099" max="3333" width="9" style="4"/>
    <col min="3334" max="3334" width="3.25" style="4" customWidth="1"/>
    <col min="3335" max="3351" width="4.5" style="4" customWidth="1"/>
    <col min="3352" max="3352" width="5.75" style="4" customWidth="1"/>
    <col min="3353" max="3353" width="5.875" style="4" customWidth="1"/>
    <col min="3354" max="3354" width="5.125" style="4" customWidth="1"/>
    <col min="3355" max="3589" width="9" style="4"/>
    <col min="3590" max="3590" width="3.25" style="4" customWidth="1"/>
    <col min="3591" max="3607" width="4.5" style="4" customWidth="1"/>
    <col min="3608" max="3608" width="5.75" style="4" customWidth="1"/>
    <col min="3609" max="3609" width="5.875" style="4" customWidth="1"/>
    <col min="3610" max="3610" width="5.125" style="4" customWidth="1"/>
    <col min="3611" max="3845" width="9" style="4"/>
    <col min="3846" max="3846" width="3.25" style="4" customWidth="1"/>
    <col min="3847" max="3863" width="4.5" style="4" customWidth="1"/>
    <col min="3864" max="3864" width="5.75" style="4" customWidth="1"/>
    <col min="3865" max="3865" width="5.875" style="4" customWidth="1"/>
    <col min="3866" max="3866" width="5.125" style="4" customWidth="1"/>
    <col min="3867" max="4101" width="9" style="4"/>
    <col min="4102" max="4102" width="3.25" style="4" customWidth="1"/>
    <col min="4103" max="4119" width="4.5" style="4" customWidth="1"/>
    <col min="4120" max="4120" width="5.75" style="4" customWidth="1"/>
    <col min="4121" max="4121" width="5.875" style="4" customWidth="1"/>
    <col min="4122" max="4122" width="5.125" style="4" customWidth="1"/>
    <col min="4123" max="4357" width="9" style="4"/>
    <col min="4358" max="4358" width="3.25" style="4" customWidth="1"/>
    <col min="4359" max="4375" width="4.5" style="4" customWidth="1"/>
    <col min="4376" max="4376" width="5.75" style="4" customWidth="1"/>
    <col min="4377" max="4377" width="5.875" style="4" customWidth="1"/>
    <col min="4378" max="4378" width="5.125" style="4" customWidth="1"/>
    <col min="4379" max="4613" width="9" style="4"/>
    <col min="4614" max="4614" width="3.25" style="4" customWidth="1"/>
    <col min="4615" max="4631" width="4.5" style="4" customWidth="1"/>
    <col min="4632" max="4632" width="5.75" style="4" customWidth="1"/>
    <col min="4633" max="4633" width="5.875" style="4" customWidth="1"/>
    <col min="4634" max="4634" width="5.125" style="4" customWidth="1"/>
    <col min="4635" max="4869" width="9" style="4"/>
    <col min="4870" max="4870" width="3.25" style="4" customWidth="1"/>
    <col min="4871" max="4887" width="4.5" style="4" customWidth="1"/>
    <col min="4888" max="4888" width="5.75" style="4" customWidth="1"/>
    <col min="4889" max="4889" width="5.875" style="4" customWidth="1"/>
    <col min="4890" max="4890" width="5.125" style="4" customWidth="1"/>
    <col min="4891" max="5125" width="9" style="4"/>
    <col min="5126" max="5126" width="3.25" style="4" customWidth="1"/>
    <col min="5127" max="5143" width="4.5" style="4" customWidth="1"/>
    <col min="5144" max="5144" width="5.75" style="4" customWidth="1"/>
    <col min="5145" max="5145" width="5.875" style="4" customWidth="1"/>
    <col min="5146" max="5146" width="5.125" style="4" customWidth="1"/>
    <col min="5147" max="5381" width="9" style="4"/>
    <col min="5382" max="5382" width="3.25" style="4" customWidth="1"/>
    <col min="5383" max="5399" width="4.5" style="4" customWidth="1"/>
    <col min="5400" max="5400" width="5.75" style="4" customWidth="1"/>
    <col min="5401" max="5401" width="5.875" style="4" customWidth="1"/>
    <col min="5402" max="5402" width="5.125" style="4" customWidth="1"/>
    <col min="5403" max="5637" width="9" style="4"/>
    <col min="5638" max="5638" width="3.25" style="4" customWidth="1"/>
    <col min="5639" max="5655" width="4.5" style="4" customWidth="1"/>
    <col min="5656" max="5656" width="5.75" style="4" customWidth="1"/>
    <col min="5657" max="5657" width="5.875" style="4" customWidth="1"/>
    <col min="5658" max="5658" width="5.125" style="4" customWidth="1"/>
    <col min="5659" max="5893" width="9" style="4"/>
    <col min="5894" max="5894" width="3.25" style="4" customWidth="1"/>
    <col min="5895" max="5911" width="4.5" style="4" customWidth="1"/>
    <col min="5912" max="5912" width="5.75" style="4" customWidth="1"/>
    <col min="5913" max="5913" width="5.875" style="4" customWidth="1"/>
    <col min="5914" max="5914" width="5.125" style="4" customWidth="1"/>
    <col min="5915" max="6149" width="9" style="4"/>
    <col min="6150" max="6150" width="3.25" style="4" customWidth="1"/>
    <col min="6151" max="6167" width="4.5" style="4" customWidth="1"/>
    <col min="6168" max="6168" width="5.75" style="4" customWidth="1"/>
    <col min="6169" max="6169" width="5.875" style="4" customWidth="1"/>
    <col min="6170" max="6170" width="5.125" style="4" customWidth="1"/>
    <col min="6171" max="6405" width="9" style="4"/>
    <col min="6406" max="6406" width="3.25" style="4" customWidth="1"/>
    <col min="6407" max="6423" width="4.5" style="4" customWidth="1"/>
    <col min="6424" max="6424" width="5.75" style="4" customWidth="1"/>
    <col min="6425" max="6425" width="5.875" style="4" customWidth="1"/>
    <col min="6426" max="6426" width="5.125" style="4" customWidth="1"/>
    <col min="6427" max="6661" width="9" style="4"/>
    <col min="6662" max="6662" width="3.25" style="4" customWidth="1"/>
    <col min="6663" max="6679" width="4.5" style="4" customWidth="1"/>
    <col min="6680" max="6680" width="5.75" style="4" customWidth="1"/>
    <col min="6681" max="6681" width="5.875" style="4" customWidth="1"/>
    <col min="6682" max="6682" width="5.125" style="4" customWidth="1"/>
    <col min="6683" max="6917" width="9" style="4"/>
    <col min="6918" max="6918" width="3.25" style="4" customWidth="1"/>
    <col min="6919" max="6935" width="4.5" style="4" customWidth="1"/>
    <col min="6936" max="6936" width="5.75" style="4" customWidth="1"/>
    <col min="6937" max="6937" width="5.875" style="4" customWidth="1"/>
    <col min="6938" max="6938" width="5.125" style="4" customWidth="1"/>
    <col min="6939" max="7173" width="9" style="4"/>
    <col min="7174" max="7174" width="3.25" style="4" customWidth="1"/>
    <col min="7175" max="7191" width="4.5" style="4" customWidth="1"/>
    <col min="7192" max="7192" width="5.75" style="4" customWidth="1"/>
    <col min="7193" max="7193" width="5.875" style="4" customWidth="1"/>
    <col min="7194" max="7194" width="5.125" style="4" customWidth="1"/>
    <col min="7195" max="7429" width="9" style="4"/>
    <col min="7430" max="7430" width="3.25" style="4" customWidth="1"/>
    <col min="7431" max="7447" width="4.5" style="4" customWidth="1"/>
    <col min="7448" max="7448" width="5.75" style="4" customWidth="1"/>
    <col min="7449" max="7449" width="5.875" style="4" customWidth="1"/>
    <col min="7450" max="7450" width="5.125" style="4" customWidth="1"/>
    <col min="7451" max="7685" width="9" style="4"/>
    <col min="7686" max="7686" width="3.25" style="4" customWidth="1"/>
    <col min="7687" max="7703" width="4.5" style="4" customWidth="1"/>
    <col min="7704" max="7704" width="5.75" style="4" customWidth="1"/>
    <col min="7705" max="7705" width="5.875" style="4" customWidth="1"/>
    <col min="7706" max="7706" width="5.125" style="4" customWidth="1"/>
    <col min="7707" max="7941" width="9" style="4"/>
    <col min="7942" max="7942" width="3.25" style="4" customWidth="1"/>
    <col min="7943" max="7959" width="4.5" style="4" customWidth="1"/>
    <col min="7960" max="7960" width="5.75" style="4" customWidth="1"/>
    <col min="7961" max="7961" width="5.875" style="4" customWidth="1"/>
    <col min="7962" max="7962" width="5.125" style="4" customWidth="1"/>
    <col min="7963" max="8197" width="9" style="4"/>
    <col min="8198" max="8198" width="3.25" style="4" customWidth="1"/>
    <col min="8199" max="8215" width="4.5" style="4" customWidth="1"/>
    <col min="8216" max="8216" width="5.75" style="4" customWidth="1"/>
    <col min="8217" max="8217" width="5.875" style="4" customWidth="1"/>
    <col min="8218" max="8218" width="5.125" style="4" customWidth="1"/>
    <col min="8219" max="8453" width="9" style="4"/>
    <col min="8454" max="8454" width="3.25" style="4" customWidth="1"/>
    <col min="8455" max="8471" width="4.5" style="4" customWidth="1"/>
    <col min="8472" max="8472" width="5.75" style="4" customWidth="1"/>
    <col min="8473" max="8473" width="5.875" style="4" customWidth="1"/>
    <col min="8474" max="8474" width="5.125" style="4" customWidth="1"/>
    <col min="8475" max="8709" width="9" style="4"/>
    <col min="8710" max="8710" width="3.25" style="4" customWidth="1"/>
    <col min="8711" max="8727" width="4.5" style="4" customWidth="1"/>
    <col min="8728" max="8728" width="5.75" style="4" customWidth="1"/>
    <col min="8729" max="8729" width="5.875" style="4" customWidth="1"/>
    <col min="8730" max="8730" width="5.125" style="4" customWidth="1"/>
    <col min="8731" max="8965" width="9" style="4"/>
    <col min="8966" max="8966" width="3.25" style="4" customWidth="1"/>
    <col min="8967" max="8983" width="4.5" style="4" customWidth="1"/>
    <col min="8984" max="8984" width="5.75" style="4" customWidth="1"/>
    <col min="8985" max="8985" width="5.875" style="4" customWidth="1"/>
    <col min="8986" max="8986" width="5.125" style="4" customWidth="1"/>
    <col min="8987" max="9221" width="9" style="4"/>
    <col min="9222" max="9222" width="3.25" style="4" customWidth="1"/>
    <col min="9223" max="9239" width="4.5" style="4" customWidth="1"/>
    <col min="9240" max="9240" width="5.75" style="4" customWidth="1"/>
    <col min="9241" max="9241" width="5.875" style="4" customWidth="1"/>
    <col min="9242" max="9242" width="5.125" style="4" customWidth="1"/>
    <col min="9243" max="9477" width="9" style="4"/>
    <col min="9478" max="9478" width="3.25" style="4" customWidth="1"/>
    <col min="9479" max="9495" width="4.5" style="4" customWidth="1"/>
    <col min="9496" max="9496" width="5.75" style="4" customWidth="1"/>
    <col min="9497" max="9497" width="5.875" style="4" customWidth="1"/>
    <col min="9498" max="9498" width="5.125" style="4" customWidth="1"/>
    <col min="9499" max="9733" width="9" style="4"/>
    <col min="9734" max="9734" width="3.25" style="4" customWidth="1"/>
    <col min="9735" max="9751" width="4.5" style="4" customWidth="1"/>
    <col min="9752" max="9752" width="5.75" style="4" customWidth="1"/>
    <col min="9753" max="9753" width="5.875" style="4" customWidth="1"/>
    <col min="9754" max="9754" width="5.125" style="4" customWidth="1"/>
    <col min="9755" max="9989" width="9" style="4"/>
    <col min="9990" max="9990" width="3.25" style="4" customWidth="1"/>
    <col min="9991" max="10007" width="4.5" style="4" customWidth="1"/>
    <col min="10008" max="10008" width="5.75" style="4" customWidth="1"/>
    <col min="10009" max="10009" width="5.875" style="4" customWidth="1"/>
    <col min="10010" max="10010" width="5.125" style="4" customWidth="1"/>
    <col min="10011" max="10245" width="9" style="4"/>
    <col min="10246" max="10246" width="3.25" style="4" customWidth="1"/>
    <col min="10247" max="10263" width="4.5" style="4" customWidth="1"/>
    <col min="10264" max="10264" width="5.75" style="4" customWidth="1"/>
    <col min="10265" max="10265" width="5.875" style="4" customWidth="1"/>
    <col min="10266" max="10266" width="5.125" style="4" customWidth="1"/>
    <col min="10267" max="10501" width="9" style="4"/>
    <col min="10502" max="10502" width="3.25" style="4" customWidth="1"/>
    <col min="10503" max="10519" width="4.5" style="4" customWidth="1"/>
    <col min="10520" max="10520" width="5.75" style="4" customWidth="1"/>
    <col min="10521" max="10521" width="5.875" style="4" customWidth="1"/>
    <col min="10522" max="10522" width="5.125" style="4" customWidth="1"/>
    <col min="10523" max="10757" width="9" style="4"/>
    <col min="10758" max="10758" width="3.25" style="4" customWidth="1"/>
    <col min="10759" max="10775" width="4.5" style="4" customWidth="1"/>
    <col min="10776" max="10776" width="5.75" style="4" customWidth="1"/>
    <col min="10777" max="10777" width="5.875" style="4" customWidth="1"/>
    <col min="10778" max="10778" width="5.125" style="4" customWidth="1"/>
    <col min="10779" max="11013" width="9" style="4"/>
    <col min="11014" max="11014" width="3.25" style="4" customWidth="1"/>
    <col min="11015" max="11031" width="4.5" style="4" customWidth="1"/>
    <col min="11032" max="11032" width="5.75" style="4" customWidth="1"/>
    <col min="11033" max="11033" width="5.875" style="4" customWidth="1"/>
    <col min="11034" max="11034" width="5.125" style="4" customWidth="1"/>
    <col min="11035" max="11269" width="9" style="4"/>
    <col min="11270" max="11270" width="3.25" style="4" customWidth="1"/>
    <col min="11271" max="11287" width="4.5" style="4" customWidth="1"/>
    <col min="11288" max="11288" width="5.75" style="4" customWidth="1"/>
    <col min="11289" max="11289" width="5.875" style="4" customWidth="1"/>
    <col min="11290" max="11290" width="5.125" style="4" customWidth="1"/>
    <col min="11291" max="11525" width="9" style="4"/>
    <col min="11526" max="11526" width="3.25" style="4" customWidth="1"/>
    <col min="11527" max="11543" width="4.5" style="4" customWidth="1"/>
    <col min="11544" max="11544" width="5.75" style="4" customWidth="1"/>
    <col min="11545" max="11545" width="5.875" style="4" customWidth="1"/>
    <col min="11546" max="11546" width="5.125" style="4" customWidth="1"/>
    <col min="11547" max="11781" width="9" style="4"/>
    <col min="11782" max="11782" width="3.25" style="4" customWidth="1"/>
    <col min="11783" max="11799" width="4.5" style="4" customWidth="1"/>
    <col min="11800" max="11800" width="5.75" style="4" customWidth="1"/>
    <col min="11801" max="11801" width="5.875" style="4" customWidth="1"/>
    <col min="11802" max="11802" width="5.125" style="4" customWidth="1"/>
    <col min="11803" max="12037" width="9" style="4"/>
    <col min="12038" max="12038" width="3.25" style="4" customWidth="1"/>
    <col min="12039" max="12055" width="4.5" style="4" customWidth="1"/>
    <col min="12056" max="12056" width="5.75" style="4" customWidth="1"/>
    <col min="12057" max="12057" width="5.875" style="4" customWidth="1"/>
    <col min="12058" max="12058" width="5.125" style="4" customWidth="1"/>
    <col min="12059" max="12293" width="9" style="4"/>
    <col min="12294" max="12294" width="3.25" style="4" customWidth="1"/>
    <col min="12295" max="12311" width="4.5" style="4" customWidth="1"/>
    <col min="12312" max="12312" width="5.75" style="4" customWidth="1"/>
    <col min="12313" max="12313" width="5.875" style="4" customWidth="1"/>
    <col min="12314" max="12314" width="5.125" style="4" customWidth="1"/>
    <col min="12315" max="12549" width="9" style="4"/>
    <col min="12550" max="12550" width="3.25" style="4" customWidth="1"/>
    <col min="12551" max="12567" width="4.5" style="4" customWidth="1"/>
    <col min="12568" max="12568" width="5.75" style="4" customWidth="1"/>
    <col min="12569" max="12569" width="5.875" style="4" customWidth="1"/>
    <col min="12570" max="12570" width="5.125" style="4" customWidth="1"/>
    <col min="12571" max="12805" width="9" style="4"/>
    <col min="12806" max="12806" width="3.25" style="4" customWidth="1"/>
    <col min="12807" max="12823" width="4.5" style="4" customWidth="1"/>
    <col min="12824" max="12824" width="5.75" style="4" customWidth="1"/>
    <col min="12825" max="12825" width="5.875" style="4" customWidth="1"/>
    <col min="12826" max="12826" width="5.125" style="4" customWidth="1"/>
    <col min="12827" max="13061" width="9" style="4"/>
    <col min="13062" max="13062" width="3.25" style="4" customWidth="1"/>
    <col min="13063" max="13079" width="4.5" style="4" customWidth="1"/>
    <col min="13080" max="13080" width="5.75" style="4" customWidth="1"/>
    <col min="13081" max="13081" width="5.875" style="4" customWidth="1"/>
    <col min="13082" max="13082" width="5.125" style="4" customWidth="1"/>
    <col min="13083" max="13317" width="9" style="4"/>
    <col min="13318" max="13318" width="3.25" style="4" customWidth="1"/>
    <col min="13319" max="13335" width="4.5" style="4" customWidth="1"/>
    <col min="13336" max="13336" width="5.75" style="4" customWidth="1"/>
    <col min="13337" max="13337" width="5.875" style="4" customWidth="1"/>
    <col min="13338" max="13338" width="5.125" style="4" customWidth="1"/>
    <col min="13339" max="13573" width="9" style="4"/>
    <col min="13574" max="13574" width="3.25" style="4" customWidth="1"/>
    <col min="13575" max="13591" width="4.5" style="4" customWidth="1"/>
    <col min="13592" max="13592" width="5.75" style="4" customWidth="1"/>
    <col min="13593" max="13593" width="5.875" style="4" customWidth="1"/>
    <col min="13594" max="13594" width="5.125" style="4" customWidth="1"/>
    <col min="13595" max="13829" width="9" style="4"/>
    <col min="13830" max="13830" width="3.25" style="4" customWidth="1"/>
    <col min="13831" max="13847" width="4.5" style="4" customWidth="1"/>
    <col min="13848" max="13848" width="5.75" style="4" customWidth="1"/>
    <col min="13849" max="13849" width="5.875" style="4" customWidth="1"/>
    <col min="13850" max="13850" width="5.125" style="4" customWidth="1"/>
    <col min="13851" max="14085" width="9" style="4"/>
    <col min="14086" max="14086" width="3.25" style="4" customWidth="1"/>
    <col min="14087" max="14103" width="4.5" style="4" customWidth="1"/>
    <col min="14104" max="14104" width="5.75" style="4" customWidth="1"/>
    <col min="14105" max="14105" width="5.875" style="4" customWidth="1"/>
    <col min="14106" max="14106" width="5.125" style="4" customWidth="1"/>
    <col min="14107" max="14341" width="9" style="4"/>
    <col min="14342" max="14342" width="3.25" style="4" customWidth="1"/>
    <col min="14343" max="14359" width="4.5" style="4" customWidth="1"/>
    <col min="14360" max="14360" width="5.75" style="4" customWidth="1"/>
    <col min="14361" max="14361" width="5.875" style="4" customWidth="1"/>
    <col min="14362" max="14362" width="5.125" style="4" customWidth="1"/>
    <col min="14363" max="14597" width="9" style="4"/>
    <col min="14598" max="14598" width="3.25" style="4" customWidth="1"/>
    <col min="14599" max="14615" width="4.5" style="4" customWidth="1"/>
    <col min="14616" max="14616" width="5.75" style="4" customWidth="1"/>
    <col min="14617" max="14617" width="5.875" style="4" customWidth="1"/>
    <col min="14618" max="14618" width="5.125" style="4" customWidth="1"/>
    <col min="14619" max="14853" width="9" style="4"/>
    <col min="14854" max="14854" width="3.25" style="4" customWidth="1"/>
    <col min="14855" max="14871" width="4.5" style="4" customWidth="1"/>
    <col min="14872" max="14872" width="5.75" style="4" customWidth="1"/>
    <col min="14873" max="14873" width="5.875" style="4" customWidth="1"/>
    <col min="14874" max="14874" width="5.125" style="4" customWidth="1"/>
    <col min="14875" max="15109" width="9" style="4"/>
    <col min="15110" max="15110" width="3.25" style="4" customWidth="1"/>
    <col min="15111" max="15127" width="4.5" style="4" customWidth="1"/>
    <col min="15128" max="15128" width="5.75" style="4" customWidth="1"/>
    <col min="15129" max="15129" width="5.875" style="4" customWidth="1"/>
    <col min="15130" max="15130" width="5.125" style="4" customWidth="1"/>
    <col min="15131" max="15365" width="9" style="4"/>
    <col min="15366" max="15366" width="3.25" style="4" customWidth="1"/>
    <col min="15367" max="15383" width="4.5" style="4" customWidth="1"/>
    <col min="15384" max="15384" width="5.75" style="4" customWidth="1"/>
    <col min="15385" max="15385" width="5.875" style="4" customWidth="1"/>
    <col min="15386" max="15386" width="5.125" style="4" customWidth="1"/>
    <col min="15387" max="15621" width="9" style="4"/>
    <col min="15622" max="15622" width="3.25" style="4" customWidth="1"/>
    <col min="15623" max="15639" width="4.5" style="4" customWidth="1"/>
    <col min="15640" max="15640" width="5.75" style="4" customWidth="1"/>
    <col min="15641" max="15641" width="5.875" style="4" customWidth="1"/>
    <col min="15642" max="15642" width="5.125" style="4" customWidth="1"/>
    <col min="15643" max="15877" width="9" style="4"/>
    <col min="15878" max="15878" width="3.25" style="4" customWidth="1"/>
    <col min="15879" max="15895" width="4.5" style="4" customWidth="1"/>
    <col min="15896" max="15896" width="5.75" style="4" customWidth="1"/>
    <col min="15897" max="15897" width="5.875" style="4" customWidth="1"/>
    <col min="15898" max="15898" width="5.125" style="4" customWidth="1"/>
    <col min="15899" max="16133" width="9" style="4"/>
    <col min="16134" max="16134" width="3.25" style="4" customWidth="1"/>
    <col min="16135" max="16151" width="4.5" style="4" customWidth="1"/>
    <col min="16152" max="16152" width="5.75" style="4" customWidth="1"/>
    <col min="16153" max="16153" width="5.875" style="4" customWidth="1"/>
    <col min="16154" max="16154" width="5.125" style="4" customWidth="1"/>
    <col min="16155" max="16384" width="9" style="4"/>
  </cols>
  <sheetData>
    <row r="1" spans="1:26">
      <c r="C1" s="5"/>
      <c r="D1" s="5"/>
      <c r="E1" s="5"/>
      <c r="F1" s="5"/>
      <c r="G1" s="5"/>
      <c r="H1" s="5"/>
      <c r="I1" s="5"/>
      <c r="J1" s="5"/>
      <c r="K1" s="5"/>
      <c r="L1" s="5"/>
      <c r="M1" s="5"/>
      <c r="N1" s="5"/>
      <c r="O1" s="5"/>
      <c r="P1" s="5"/>
      <c r="Q1" s="5"/>
      <c r="R1" s="5"/>
      <c r="W1" s="5" t="s">
        <v>54</v>
      </c>
      <c r="X1" s="5"/>
      <c r="Y1" s="5"/>
      <c r="Z1" s="5"/>
    </row>
    <row r="2" spans="1:26" ht="17.25">
      <c r="B2" s="181" t="s">
        <v>55</v>
      </c>
      <c r="C2" s="181"/>
      <c r="D2" s="181"/>
      <c r="E2" s="181"/>
      <c r="F2" s="181"/>
      <c r="G2" s="181"/>
      <c r="H2" s="181"/>
      <c r="I2" s="181"/>
      <c r="J2" s="181"/>
      <c r="K2" s="181"/>
      <c r="L2" s="181"/>
      <c r="M2" s="181"/>
      <c r="N2" s="181"/>
      <c r="O2" s="181"/>
      <c r="P2" s="181"/>
      <c r="Q2" s="181"/>
      <c r="R2" s="181"/>
      <c r="S2" s="181"/>
      <c r="T2" s="181"/>
      <c r="U2" s="181"/>
      <c r="V2" s="181"/>
      <c r="W2" s="181"/>
      <c r="X2" s="181"/>
      <c r="Y2" s="181"/>
      <c r="Z2" s="5"/>
    </row>
    <row r="3" spans="1:26" ht="6" customHeight="1">
      <c r="B3" s="5"/>
      <c r="C3" s="5"/>
      <c r="D3" s="5"/>
      <c r="E3" s="5"/>
      <c r="F3" s="5"/>
      <c r="G3" s="6"/>
      <c r="H3" s="5"/>
      <c r="I3" s="5"/>
      <c r="J3" s="5"/>
      <c r="K3" s="5"/>
      <c r="L3" s="5"/>
      <c r="M3" s="5"/>
      <c r="N3" s="5"/>
      <c r="O3" s="5"/>
      <c r="P3" s="5"/>
      <c r="Q3" s="5"/>
      <c r="R3" s="5"/>
      <c r="S3" s="5"/>
      <c r="T3" s="5"/>
      <c r="U3" s="5"/>
      <c r="V3" s="5"/>
      <c r="W3" s="5"/>
      <c r="X3" s="5"/>
      <c r="Y3" s="5"/>
      <c r="Z3" s="5"/>
    </row>
    <row r="4" spans="1:26" s="8" customFormat="1" ht="18.75">
      <c r="A4" s="139" t="s">
        <v>56</v>
      </c>
      <c r="C4" s="9"/>
      <c r="D4" s="9"/>
      <c r="E4" s="9"/>
      <c r="F4" s="9"/>
      <c r="G4" s="9"/>
      <c r="H4" s="9"/>
      <c r="I4" s="9"/>
      <c r="J4" s="9"/>
      <c r="K4" s="9"/>
      <c r="L4" s="9"/>
      <c r="M4" s="9"/>
      <c r="N4" s="9"/>
      <c r="O4" s="9"/>
      <c r="P4" s="9"/>
      <c r="Q4" s="9"/>
      <c r="R4" s="9"/>
      <c r="S4" s="9"/>
      <c r="T4" s="9"/>
      <c r="U4" s="9"/>
      <c r="V4" s="9"/>
      <c r="W4" s="9"/>
      <c r="X4" s="9"/>
      <c r="Y4" s="9"/>
      <c r="Z4" s="9"/>
    </row>
    <row r="5" spans="1:26" s="8" customFormat="1" ht="18.75">
      <c r="A5" s="139"/>
      <c r="B5" s="4" t="s">
        <v>57</v>
      </c>
      <c r="C5" s="9"/>
      <c r="D5" s="9"/>
      <c r="E5" s="9"/>
      <c r="F5" s="9"/>
      <c r="G5" s="9"/>
      <c r="H5" s="9"/>
      <c r="I5" s="9"/>
      <c r="J5" s="9"/>
      <c r="K5" s="9"/>
      <c r="L5" s="9"/>
      <c r="M5" s="9"/>
      <c r="N5" s="9"/>
      <c r="O5" s="9"/>
      <c r="P5" s="9"/>
      <c r="Q5" s="9"/>
      <c r="R5" s="9"/>
      <c r="S5" s="9"/>
      <c r="T5" s="9"/>
      <c r="U5" s="9"/>
      <c r="V5" s="9"/>
      <c r="W5" s="9"/>
      <c r="X5" s="9"/>
      <c r="Y5" s="9"/>
      <c r="Z5" s="9"/>
    </row>
    <row r="6" spans="1:26" ht="30.75" customHeight="1">
      <c r="B6" s="182" t="s">
        <v>289</v>
      </c>
      <c r="C6" s="182"/>
      <c r="D6" s="182"/>
      <c r="E6" s="182"/>
      <c r="F6" s="182"/>
      <c r="G6" s="182"/>
      <c r="H6" s="182"/>
      <c r="I6" s="182"/>
      <c r="J6" s="182"/>
      <c r="K6" s="182"/>
      <c r="L6" s="182"/>
      <c r="M6" s="182"/>
      <c r="N6" s="182"/>
      <c r="O6" s="182"/>
      <c r="P6" s="182"/>
      <c r="Q6" s="182"/>
      <c r="R6" s="182"/>
      <c r="S6" s="182"/>
      <c r="T6" s="182"/>
      <c r="U6" s="182"/>
      <c r="V6" s="182"/>
      <c r="W6" s="182"/>
      <c r="X6" s="182"/>
      <c r="Y6" s="182"/>
      <c r="Z6" s="5"/>
    </row>
    <row r="7" spans="1:26" ht="38.25" customHeight="1">
      <c r="B7" s="183" t="s">
        <v>290</v>
      </c>
      <c r="C7" s="183"/>
      <c r="D7" s="183"/>
      <c r="E7" s="183"/>
      <c r="F7" s="183"/>
      <c r="G7" s="183"/>
      <c r="H7" s="183"/>
      <c r="I7" s="183"/>
      <c r="J7" s="183"/>
      <c r="K7" s="183"/>
      <c r="L7" s="183"/>
      <c r="M7" s="183"/>
      <c r="N7" s="183"/>
      <c r="O7" s="183"/>
      <c r="P7" s="183"/>
      <c r="Q7" s="183"/>
      <c r="R7" s="183"/>
      <c r="S7" s="183"/>
      <c r="T7" s="183"/>
      <c r="U7" s="183"/>
      <c r="V7" s="183"/>
      <c r="W7" s="183"/>
      <c r="X7" s="183"/>
      <c r="Y7" s="183"/>
      <c r="Z7" s="5"/>
    </row>
    <row r="8" spans="1:26" ht="30.75" customHeight="1">
      <c r="B8" s="194" t="s">
        <v>291</v>
      </c>
      <c r="C8" s="195"/>
      <c r="D8" s="195"/>
      <c r="E8" s="195"/>
      <c r="F8" s="195"/>
      <c r="G8" s="195"/>
      <c r="H8" s="195"/>
      <c r="I8" s="195"/>
      <c r="J8" s="195"/>
      <c r="K8" s="195"/>
      <c r="L8" s="195"/>
      <c r="M8" s="195"/>
      <c r="N8" s="195"/>
      <c r="O8" s="195"/>
      <c r="P8" s="195"/>
      <c r="Q8" s="195"/>
      <c r="R8" s="195"/>
      <c r="S8" s="195"/>
      <c r="T8" s="195"/>
      <c r="U8" s="195"/>
      <c r="V8" s="195"/>
      <c r="W8" s="195"/>
      <c r="X8" s="195"/>
      <c r="Y8" s="196"/>
      <c r="Z8" s="5"/>
    </row>
    <row r="9" spans="1:26" ht="10.5" customHeight="1">
      <c r="B9" s="5"/>
      <c r="C9" s="10"/>
      <c r="D9" s="10"/>
      <c r="E9" s="10"/>
      <c r="F9" s="10"/>
      <c r="G9" s="10"/>
      <c r="H9" s="10"/>
      <c r="I9" s="10"/>
      <c r="J9" s="10"/>
      <c r="K9" s="10"/>
      <c r="L9" s="10"/>
      <c r="M9" s="10"/>
      <c r="N9" s="10"/>
      <c r="O9" s="10"/>
      <c r="P9" s="10"/>
      <c r="Q9" s="10"/>
      <c r="R9" s="10"/>
      <c r="S9" s="10"/>
      <c r="T9" s="10"/>
      <c r="U9" s="10"/>
      <c r="V9" s="10"/>
      <c r="W9" s="10"/>
      <c r="X9" s="10"/>
      <c r="Y9" s="10"/>
      <c r="Z9" s="5"/>
    </row>
    <row r="10" spans="1:26" ht="20.25" customHeight="1">
      <c r="B10" s="182" t="s">
        <v>292</v>
      </c>
      <c r="C10" s="182"/>
      <c r="D10" s="182"/>
      <c r="E10" s="182"/>
      <c r="F10" s="182"/>
      <c r="G10" s="182"/>
      <c r="H10" s="182"/>
      <c r="I10" s="182"/>
      <c r="J10" s="182"/>
      <c r="K10" s="182"/>
      <c r="L10" s="182"/>
      <c r="M10" s="182"/>
      <c r="N10" s="182"/>
      <c r="O10" s="182"/>
      <c r="P10" s="182"/>
      <c r="Q10" s="182"/>
      <c r="R10" s="182"/>
      <c r="S10" s="182"/>
      <c r="T10" s="182"/>
      <c r="U10" s="182"/>
      <c r="V10" s="182"/>
      <c r="W10" s="182"/>
      <c r="X10" s="182"/>
      <c r="Y10" s="182"/>
      <c r="Z10" s="5"/>
    </row>
    <row r="11" spans="1:26" ht="21" customHeight="1">
      <c r="B11" s="5"/>
      <c r="C11" s="11" t="s">
        <v>58</v>
      </c>
      <c r="D11" s="11"/>
      <c r="E11" s="187" t="s">
        <v>164</v>
      </c>
      <c r="F11" s="188"/>
      <c r="G11" s="188"/>
      <c r="H11" s="188"/>
      <c r="I11" s="18"/>
      <c r="J11" s="18" t="s">
        <v>158</v>
      </c>
      <c r="K11" s="18"/>
      <c r="L11" s="18"/>
      <c r="M11" s="18"/>
      <c r="N11" s="18"/>
      <c r="O11" s="18"/>
      <c r="P11" s="18"/>
      <c r="Q11" s="18"/>
      <c r="R11" s="18"/>
      <c r="S11" s="18"/>
      <c r="T11" s="18"/>
      <c r="U11" s="18"/>
      <c r="V11" s="18"/>
      <c r="W11" s="18"/>
      <c r="X11" s="18"/>
      <c r="Y11" s="19"/>
      <c r="Z11" s="5"/>
    </row>
    <row r="12" spans="1:26" ht="21" customHeight="1">
      <c r="B12" s="5"/>
      <c r="C12" s="197" t="s">
        <v>59</v>
      </c>
      <c r="D12" s="200" t="s">
        <v>60</v>
      </c>
      <c r="E12" s="200"/>
      <c r="F12" s="56" t="s">
        <v>7</v>
      </c>
      <c r="G12" s="202" t="s">
        <v>61</v>
      </c>
      <c r="H12" s="203"/>
      <c r="I12" s="12" t="s">
        <v>62</v>
      </c>
      <c r="J12" s="189"/>
      <c r="K12" s="189"/>
      <c r="L12" s="189"/>
      <c r="M12" s="189"/>
      <c r="N12" s="189"/>
      <c r="O12" s="189"/>
      <c r="P12" s="189"/>
      <c r="Q12" s="189"/>
      <c r="R12" s="189"/>
      <c r="S12" s="189"/>
      <c r="T12" s="189"/>
      <c r="U12" s="189"/>
      <c r="V12" s="189"/>
      <c r="W12" s="189"/>
      <c r="X12" s="189"/>
      <c r="Y12" s="190"/>
      <c r="Z12" s="5"/>
    </row>
    <row r="13" spans="1:26" ht="21" customHeight="1">
      <c r="B13" s="5"/>
      <c r="C13" s="198"/>
      <c r="D13" s="201"/>
      <c r="E13" s="201"/>
      <c r="F13" s="57" t="s">
        <v>7</v>
      </c>
      <c r="G13" s="204"/>
      <c r="H13" s="205"/>
      <c r="I13" s="191"/>
      <c r="J13" s="192"/>
      <c r="K13" s="192"/>
      <c r="L13" s="192"/>
      <c r="M13" s="192"/>
      <c r="N13" s="192"/>
      <c r="O13" s="192"/>
      <c r="P13" s="192"/>
      <c r="Q13" s="192"/>
      <c r="R13" s="192"/>
      <c r="S13" s="192"/>
      <c r="T13" s="192"/>
      <c r="U13" s="192"/>
      <c r="V13" s="192"/>
      <c r="W13" s="192"/>
      <c r="X13" s="192"/>
      <c r="Y13" s="193"/>
      <c r="Z13" s="5"/>
    </row>
    <row r="14" spans="1:26" ht="21" customHeight="1">
      <c r="B14" s="5"/>
      <c r="C14" s="198"/>
      <c r="D14" s="200" t="s">
        <v>60</v>
      </c>
      <c r="E14" s="200"/>
      <c r="F14" s="56" t="s">
        <v>7</v>
      </c>
      <c r="G14" s="206" t="s">
        <v>179</v>
      </c>
      <c r="H14" s="207"/>
      <c r="I14" s="12" t="s">
        <v>62</v>
      </c>
      <c r="J14" s="189"/>
      <c r="K14" s="189"/>
      <c r="L14" s="189"/>
      <c r="M14" s="189"/>
      <c r="N14" s="189"/>
      <c r="O14" s="189"/>
      <c r="P14" s="189"/>
      <c r="Q14" s="189"/>
      <c r="R14" s="189"/>
      <c r="S14" s="189"/>
      <c r="T14" s="189"/>
      <c r="U14" s="189"/>
      <c r="V14" s="189"/>
      <c r="W14" s="189"/>
      <c r="X14" s="189"/>
      <c r="Y14" s="190"/>
      <c r="Z14" s="5"/>
    </row>
    <row r="15" spans="1:26" ht="21" customHeight="1">
      <c r="B15" s="5"/>
      <c r="C15" s="199"/>
      <c r="D15" s="201"/>
      <c r="E15" s="201"/>
      <c r="F15" s="57" t="s">
        <v>7</v>
      </c>
      <c r="G15" s="208"/>
      <c r="H15" s="209"/>
      <c r="I15" s="191"/>
      <c r="J15" s="192"/>
      <c r="K15" s="192"/>
      <c r="L15" s="192"/>
      <c r="M15" s="192"/>
      <c r="N15" s="192"/>
      <c r="O15" s="192"/>
      <c r="P15" s="192"/>
      <c r="Q15" s="192"/>
      <c r="R15" s="192"/>
      <c r="S15" s="192"/>
      <c r="T15" s="192"/>
      <c r="U15" s="192"/>
      <c r="V15" s="192"/>
      <c r="W15" s="192"/>
      <c r="X15" s="192"/>
      <c r="Y15" s="193"/>
      <c r="Z15" s="5"/>
    </row>
    <row r="16" spans="1:26" ht="19.5" customHeight="1">
      <c r="B16" s="5"/>
      <c r="C16" s="13" t="s">
        <v>181</v>
      </c>
      <c r="E16" s="5"/>
      <c r="F16" s="5"/>
      <c r="G16" s="5"/>
      <c r="H16" s="5"/>
      <c r="I16" s="5"/>
      <c r="J16" s="5"/>
      <c r="K16" s="5"/>
      <c r="L16" s="5"/>
      <c r="M16" s="5"/>
      <c r="N16" s="14"/>
      <c r="O16" s="14"/>
      <c r="Q16" s="5"/>
      <c r="R16" s="5"/>
      <c r="S16" s="5"/>
      <c r="T16" s="5"/>
      <c r="U16" s="5"/>
      <c r="V16" s="5"/>
      <c r="W16" s="5"/>
      <c r="X16" s="5"/>
      <c r="Y16" s="5"/>
      <c r="Z16" s="5"/>
    </row>
    <row r="17" spans="2:26" ht="48" customHeight="1">
      <c r="B17" s="210" t="s">
        <v>63</v>
      </c>
      <c r="C17" s="211"/>
      <c r="D17" s="211"/>
      <c r="E17" s="211"/>
      <c r="F17" s="211"/>
      <c r="G17" s="211"/>
      <c r="H17" s="211"/>
      <c r="I17" s="211"/>
      <c r="J17" s="211"/>
      <c r="K17" s="211"/>
      <c r="L17" s="211"/>
      <c r="M17" s="211"/>
      <c r="N17" s="211"/>
      <c r="O17" s="211"/>
      <c r="P17" s="211"/>
      <c r="Q17" s="211"/>
      <c r="R17" s="211"/>
      <c r="S17" s="211"/>
      <c r="T17" s="211"/>
      <c r="U17" s="211"/>
      <c r="V17" s="211"/>
      <c r="W17" s="211"/>
      <c r="X17" s="211"/>
      <c r="Y17" s="212"/>
      <c r="Z17" s="15"/>
    </row>
    <row r="18" spans="2:26" customFormat="1" ht="23.25" customHeight="1">
      <c r="B18" s="16" t="s">
        <v>64</v>
      </c>
      <c r="C18" s="16"/>
      <c r="D18" s="16"/>
      <c r="E18" s="16"/>
      <c r="F18" s="16"/>
      <c r="G18" s="16"/>
      <c r="H18" s="16"/>
      <c r="I18" s="16"/>
      <c r="J18" s="16"/>
      <c r="K18" s="16"/>
      <c r="L18" s="16"/>
      <c r="M18" s="16"/>
      <c r="N18" s="16"/>
      <c r="O18" s="16"/>
      <c r="P18" s="16"/>
      <c r="Q18" s="16"/>
      <c r="R18" s="16"/>
      <c r="S18" s="16"/>
      <c r="T18" s="16"/>
      <c r="U18" s="16"/>
      <c r="V18" s="16"/>
      <c r="W18" s="16"/>
      <c r="X18" s="16"/>
      <c r="Y18" s="16"/>
      <c r="Z18" s="16"/>
    </row>
    <row r="19" spans="2:26" customFormat="1" ht="3.75" customHeight="1">
      <c r="B19" s="17"/>
      <c r="C19" s="16"/>
      <c r="D19" s="16"/>
      <c r="E19" s="16"/>
      <c r="F19" s="16"/>
      <c r="G19" s="16"/>
      <c r="H19" s="16"/>
      <c r="I19" s="16"/>
      <c r="J19" s="16"/>
      <c r="K19" s="16"/>
      <c r="L19" s="16"/>
      <c r="M19" s="16"/>
      <c r="N19" s="16"/>
      <c r="O19" s="16"/>
      <c r="P19" s="16"/>
      <c r="Q19" s="16"/>
      <c r="R19" s="16"/>
      <c r="S19" s="16"/>
      <c r="T19" s="16"/>
      <c r="U19" s="16"/>
      <c r="V19" s="16"/>
      <c r="W19" s="16"/>
      <c r="X19" s="16"/>
      <c r="Y19" s="16"/>
      <c r="Z19" s="16"/>
    </row>
    <row r="20" spans="2:26" ht="21.75" customHeight="1">
      <c r="B20" s="5"/>
      <c r="C20" s="213"/>
      <c r="D20" s="214"/>
      <c r="E20" s="214"/>
      <c r="F20" s="214"/>
      <c r="G20" s="214"/>
      <c r="H20" s="214"/>
      <c r="I20" s="214"/>
      <c r="J20" s="214"/>
      <c r="K20" s="214"/>
      <c r="L20" s="214"/>
      <c r="M20" s="214"/>
      <c r="N20" s="214"/>
      <c r="O20" s="214"/>
      <c r="P20" s="214"/>
      <c r="Q20" s="214"/>
      <c r="R20" s="214"/>
      <c r="S20" s="214"/>
      <c r="T20" s="214"/>
      <c r="U20" s="214"/>
      <c r="V20" s="214"/>
      <c r="W20" s="214"/>
      <c r="X20" s="214"/>
      <c r="Y20" s="215"/>
      <c r="Z20" s="5"/>
    </row>
    <row r="21" spans="2:26" ht="21.75" customHeight="1">
      <c r="B21" s="5"/>
      <c r="C21" s="216"/>
      <c r="D21" s="217"/>
      <c r="E21" s="217"/>
      <c r="F21" s="217"/>
      <c r="G21" s="217"/>
      <c r="H21" s="217"/>
      <c r="I21" s="217"/>
      <c r="J21" s="217"/>
      <c r="K21" s="217"/>
      <c r="L21" s="217"/>
      <c r="M21" s="217"/>
      <c r="N21" s="217"/>
      <c r="O21" s="217"/>
      <c r="P21" s="217"/>
      <c r="Q21" s="217"/>
      <c r="R21" s="217"/>
      <c r="S21" s="217"/>
      <c r="T21" s="217"/>
      <c r="U21" s="217"/>
      <c r="V21" s="217"/>
      <c r="W21" s="217"/>
      <c r="X21" s="217"/>
      <c r="Y21" s="218"/>
      <c r="Z21" s="5"/>
    </row>
    <row r="22" spans="2:26" ht="21.75" customHeight="1">
      <c r="B22" s="5"/>
      <c r="C22" s="219"/>
      <c r="D22" s="220"/>
      <c r="E22" s="220"/>
      <c r="F22" s="220"/>
      <c r="G22" s="220"/>
      <c r="H22" s="220"/>
      <c r="I22" s="220"/>
      <c r="J22" s="220"/>
      <c r="K22" s="220"/>
      <c r="L22" s="220"/>
      <c r="M22" s="220"/>
      <c r="N22" s="220"/>
      <c r="O22" s="220"/>
      <c r="P22" s="220"/>
      <c r="Q22" s="220"/>
      <c r="R22" s="220"/>
      <c r="S22" s="220"/>
      <c r="T22" s="220"/>
      <c r="U22" s="220"/>
      <c r="V22" s="220"/>
      <c r="W22" s="220"/>
      <c r="X22" s="220"/>
      <c r="Y22" s="221"/>
      <c r="Z22" s="5"/>
    </row>
    <row r="23" spans="2:26" ht="48" customHeight="1">
      <c r="B23" s="225" t="s">
        <v>65</v>
      </c>
      <c r="C23" s="225"/>
      <c r="D23" s="225"/>
      <c r="E23" s="225"/>
      <c r="F23" s="225"/>
      <c r="G23" s="225"/>
      <c r="H23" s="225"/>
      <c r="I23" s="225"/>
      <c r="J23" s="225"/>
      <c r="K23" s="225"/>
      <c r="L23" s="225"/>
      <c r="M23" s="225"/>
      <c r="N23" s="225"/>
      <c r="O23" s="225"/>
      <c r="P23" s="225"/>
      <c r="Q23" s="225"/>
      <c r="R23" s="225"/>
      <c r="S23" s="225"/>
      <c r="T23" s="225"/>
      <c r="U23" s="225"/>
      <c r="V23" s="225"/>
      <c r="W23" s="225"/>
      <c r="X23" s="225"/>
      <c r="Y23" s="225"/>
      <c r="Z23" s="5"/>
    </row>
    <row r="24" spans="2:26" ht="100.5" customHeight="1">
      <c r="B24" s="210" t="s">
        <v>205</v>
      </c>
      <c r="C24" s="211"/>
      <c r="D24" s="211"/>
      <c r="E24" s="211"/>
      <c r="F24" s="211"/>
      <c r="G24" s="211"/>
      <c r="H24" s="211"/>
      <c r="I24" s="211"/>
      <c r="J24" s="211"/>
      <c r="K24" s="211"/>
      <c r="L24" s="211"/>
      <c r="M24" s="211"/>
      <c r="N24" s="211"/>
      <c r="O24" s="211"/>
      <c r="P24" s="211"/>
      <c r="Q24" s="211"/>
      <c r="R24" s="211"/>
      <c r="S24" s="211"/>
      <c r="T24" s="211"/>
      <c r="U24" s="211"/>
      <c r="V24" s="211"/>
      <c r="W24" s="211"/>
      <c r="X24" s="211"/>
      <c r="Y24" s="212"/>
      <c r="Z24" s="5"/>
    </row>
    <row r="25" spans="2:26" customFormat="1" ht="24" customHeight="1">
      <c r="B25" s="16" t="s">
        <v>66</v>
      </c>
      <c r="C25" s="16"/>
      <c r="D25" s="16"/>
      <c r="E25" s="16"/>
      <c r="F25" s="16"/>
      <c r="G25" s="16"/>
      <c r="H25" s="16"/>
      <c r="I25" s="16"/>
      <c r="J25" s="16"/>
      <c r="K25" s="16"/>
      <c r="L25" s="16"/>
      <c r="M25" s="16"/>
      <c r="N25" s="16"/>
      <c r="O25" s="16"/>
      <c r="P25" s="16"/>
      <c r="Q25" s="16"/>
      <c r="R25" s="16"/>
      <c r="S25" s="16"/>
      <c r="T25" s="16"/>
      <c r="U25" s="16"/>
      <c r="V25" s="16"/>
      <c r="W25" s="16"/>
      <c r="X25" s="16"/>
      <c r="Y25" s="16"/>
      <c r="Z25" s="16"/>
    </row>
    <row r="26" spans="2:26" customFormat="1" ht="9.75" customHeight="1">
      <c r="B26" s="17"/>
      <c r="C26" s="16"/>
      <c r="D26" s="16"/>
      <c r="E26" s="16"/>
      <c r="F26" s="16"/>
      <c r="G26" s="16"/>
      <c r="H26" s="16"/>
      <c r="I26" s="16"/>
      <c r="J26" s="16"/>
      <c r="K26" s="16"/>
      <c r="L26" s="16"/>
      <c r="M26" s="16"/>
      <c r="N26" s="16"/>
      <c r="O26" s="16"/>
      <c r="P26" s="16"/>
      <c r="Q26" s="16"/>
      <c r="R26" s="16"/>
      <c r="S26" s="16"/>
      <c r="T26" s="16"/>
      <c r="U26" s="16"/>
      <c r="V26" s="16"/>
      <c r="W26" s="16"/>
      <c r="X26" s="16"/>
      <c r="Y26" s="16"/>
      <c r="Z26" s="16"/>
    </row>
    <row r="27" spans="2:26" ht="27.75" customHeight="1">
      <c r="B27" s="5"/>
      <c r="C27" s="222" t="s">
        <v>67</v>
      </c>
      <c r="D27" s="223"/>
      <c r="E27" s="52" t="s">
        <v>7</v>
      </c>
      <c r="F27" s="138" t="s">
        <v>159</v>
      </c>
      <c r="G27" s="136"/>
      <c r="H27" s="53" t="s">
        <v>7</v>
      </c>
      <c r="I27" s="227" t="s">
        <v>163</v>
      </c>
      <c r="J27" s="227"/>
      <c r="K27" s="227"/>
      <c r="L27" s="224"/>
      <c r="M27" s="224"/>
      <c r="N27" s="55" t="s">
        <v>160</v>
      </c>
      <c r="O27" s="184" t="s">
        <v>180</v>
      </c>
      <c r="P27" s="185"/>
      <c r="Q27" s="55" t="s">
        <v>0</v>
      </c>
      <c r="R27" s="55"/>
      <c r="S27" s="58" t="s">
        <v>162</v>
      </c>
      <c r="T27" s="186"/>
      <c r="U27" s="186"/>
      <c r="V27" s="54" t="s">
        <v>2</v>
      </c>
      <c r="W27" s="186"/>
      <c r="X27" s="186"/>
      <c r="Y27" s="137" t="s">
        <v>3</v>
      </c>
      <c r="Z27" s="5"/>
    </row>
    <row r="28" spans="2:26" ht="24.75" customHeight="1">
      <c r="B28" s="5"/>
      <c r="C28" s="226" t="s">
        <v>182</v>
      </c>
      <c r="D28" s="226"/>
      <c r="E28" s="226"/>
      <c r="F28" s="226"/>
      <c r="G28" s="226"/>
      <c r="H28" s="226"/>
      <c r="I28" s="226"/>
      <c r="J28" s="226"/>
      <c r="K28" s="226"/>
      <c r="L28" s="226"/>
      <c r="M28" s="226"/>
      <c r="N28" s="226"/>
      <c r="O28" s="226"/>
      <c r="P28" s="226"/>
      <c r="Q28" s="226"/>
      <c r="R28" s="226"/>
      <c r="S28" s="226"/>
      <c r="T28" s="226"/>
      <c r="U28" s="226"/>
      <c r="V28" s="226"/>
      <c r="W28" s="226"/>
      <c r="X28" s="226"/>
      <c r="Y28" s="226"/>
      <c r="Z28" s="20"/>
    </row>
    <row r="29" spans="2:26" ht="39" customHeight="1">
      <c r="B29" s="210" t="s">
        <v>68</v>
      </c>
      <c r="C29" s="211"/>
      <c r="D29" s="211"/>
      <c r="E29" s="211"/>
      <c r="F29" s="211"/>
      <c r="G29" s="211"/>
      <c r="H29" s="211"/>
      <c r="I29" s="211"/>
      <c r="J29" s="211"/>
      <c r="K29" s="211"/>
      <c r="L29" s="211"/>
      <c r="M29" s="211"/>
      <c r="N29" s="211"/>
      <c r="O29" s="211"/>
      <c r="P29" s="211"/>
      <c r="Q29" s="211"/>
      <c r="R29" s="211"/>
      <c r="S29" s="211"/>
      <c r="T29" s="211"/>
      <c r="U29" s="211"/>
      <c r="V29" s="211"/>
      <c r="W29" s="211"/>
      <c r="X29" s="211"/>
      <c r="Y29" s="212"/>
      <c r="Z29" s="21"/>
    </row>
    <row r="30" spans="2:26" customFormat="1" ht="24" customHeight="1">
      <c r="B30" s="16" t="s">
        <v>69</v>
      </c>
      <c r="C30" s="16"/>
      <c r="D30" s="16"/>
      <c r="E30" s="16"/>
      <c r="F30" s="16"/>
      <c r="G30" s="16"/>
      <c r="H30" s="16"/>
      <c r="I30" s="16"/>
      <c r="J30" s="16"/>
      <c r="K30" s="16"/>
      <c r="L30" s="16"/>
      <c r="M30" s="16"/>
      <c r="N30" s="16"/>
      <c r="O30" s="16"/>
      <c r="P30" s="16"/>
      <c r="Q30" s="16"/>
      <c r="R30" s="16"/>
      <c r="S30" s="16"/>
      <c r="T30" s="16"/>
      <c r="U30" s="16"/>
      <c r="V30" s="16"/>
      <c r="W30" s="16"/>
      <c r="X30" s="16"/>
      <c r="Y30" s="16"/>
      <c r="Z30" s="16"/>
    </row>
    <row r="31" spans="2:26" customFormat="1" ht="18" customHeight="1">
      <c r="B31" s="16" t="s">
        <v>70</v>
      </c>
      <c r="C31" s="16"/>
      <c r="D31" s="16"/>
      <c r="E31" s="16"/>
      <c r="F31" s="16"/>
      <c r="G31" s="16"/>
      <c r="H31" s="16"/>
      <c r="I31" s="16"/>
      <c r="J31" s="16"/>
      <c r="K31" s="16"/>
      <c r="L31" s="16"/>
      <c r="M31" s="16"/>
      <c r="N31" s="16"/>
      <c r="O31" s="16"/>
      <c r="P31" s="16"/>
      <c r="Q31" s="16"/>
      <c r="R31" s="16"/>
      <c r="S31" s="16"/>
      <c r="T31" s="16"/>
      <c r="U31" s="16"/>
      <c r="V31" s="16"/>
      <c r="W31" s="16"/>
      <c r="X31" s="16"/>
      <c r="Y31" s="16"/>
      <c r="Z31" s="16"/>
    </row>
    <row r="32" spans="2:26" customFormat="1" ht="6.75" customHeight="1">
      <c r="B32" s="16"/>
      <c r="C32" s="16"/>
      <c r="D32" s="16"/>
      <c r="E32" s="16"/>
      <c r="F32" s="16"/>
      <c r="G32" s="16"/>
      <c r="H32" s="16"/>
      <c r="I32" s="16"/>
      <c r="J32" s="16"/>
      <c r="K32" s="16"/>
      <c r="L32" s="16"/>
      <c r="M32" s="16"/>
      <c r="N32" s="16"/>
      <c r="O32" s="16"/>
      <c r="P32" s="16"/>
      <c r="Q32" s="16"/>
      <c r="R32" s="16"/>
      <c r="S32" s="16"/>
      <c r="T32" s="16"/>
      <c r="U32" s="16"/>
      <c r="V32" s="16"/>
      <c r="W32" s="16"/>
      <c r="X32" s="16"/>
      <c r="Y32" s="16"/>
      <c r="Z32" s="16"/>
    </row>
    <row r="33" spans="2:26" ht="33" customHeight="1">
      <c r="B33" s="210" t="s">
        <v>71</v>
      </c>
      <c r="C33" s="211"/>
      <c r="D33" s="211"/>
      <c r="E33" s="211"/>
      <c r="F33" s="211"/>
      <c r="G33" s="211"/>
      <c r="H33" s="211"/>
      <c r="I33" s="211"/>
      <c r="J33" s="211"/>
      <c r="K33" s="211"/>
      <c r="L33" s="211"/>
      <c r="M33" s="211"/>
      <c r="N33" s="211"/>
      <c r="O33" s="211"/>
      <c r="P33" s="211"/>
      <c r="Q33" s="211"/>
      <c r="R33" s="211"/>
      <c r="S33" s="211"/>
      <c r="T33" s="211"/>
      <c r="U33" s="211"/>
      <c r="V33" s="211"/>
      <c r="W33" s="211"/>
      <c r="X33" s="211"/>
      <c r="Y33" s="212"/>
      <c r="Z33" s="21"/>
    </row>
  </sheetData>
  <mergeCells count="28">
    <mergeCell ref="D14:E15"/>
    <mergeCell ref="G14:H15"/>
    <mergeCell ref="B33:Y33"/>
    <mergeCell ref="C20:Y22"/>
    <mergeCell ref="C27:D27"/>
    <mergeCell ref="L27:M27"/>
    <mergeCell ref="B17:Y17"/>
    <mergeCell ref="B23:Y23"/>
    <mergeCell ref="B24:Y24"/>
    <mergeCell ref="C28:Y28"/>
    <mergeCell ref="B29:Y29"/>
    <mergeCell ref="I27:K27"/>
    <mergeCell ref="B2:Y2"/>
    <mergeCell ref="B6:Y6"/>
    <mergeCell ref="B7:Y7"/>
    <mergeCell ref="O27:P27"/>
    <mergeCell ref="T27:U27"/>
    <mergeCell ref="W27:X27"/>
    <mergeCell ref="E11:H11"/>
    <mergeCell ref="J12:Y12"/>
    <mergeCell ref="I13:Y13"/>
    <mergeCell ref="J14:Y14"/>
    <mergeCell ref="I15:Y15"/>
    <mergeCell ref="B8:Y8"/>
    <mergeCell ref="B10:Y10"/>
    <mergeCell ref="C12:C15"/>
    <mergeCell ref="D12:E13"/>
    <mergeCell ref="G12:H13"/>
  </mergeCells>
  <phoneticPr fontId="3"/>
  <dataValidations count="1">
    <dataValidation type="list" allowBlank="1" showInputMessage="1" showErrorMessage="1" sqref="F12:F15 E27 H27" xr:uid="{2B1BCDF6-57EB-4A4E-9EC1-D929BDB96801}">
      <formula1>"□,■"</formula1>
    </dataValidation>
  </dataValidations>
  <printOptions horizontalCentered="1"/>
  <pageMargins left="0.70866141732283472" right="0.70866141732283472" top="0.74803149606299213" bottom="0.74803149606299213" header="0.31496062992125984" footer="0.31496062992125984"/>
  <pageSetup paperSize="9" scale="82"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E52639-C441-4322-AA00-BB9762C8B15E}">
  <sheetPr>
    <pageSetUpPr fitToPage="1"/>
  </sheetPr>
  <dimension ref="A1:U26"/>
  <sheetViews>
    <sheetView showGridLines="0" view="pageBreakPreview" topLeftCell="A4" zoomScale="80" zoomScaleNormal="100" zoomScaleSheetLayoutView="80" workbookViewId="0">
      <selection activeCell="A4" sqref="A1:XFD1048576"/>
    </sheetView>
  </sheetViews>
  <sheetFormatPr defaultColWidth="9" defaultRowHeight="13.5"/>
  <cols>
    <col min="1" max="1" width="2.5" style="4" customWidth="1"/>
    <col min="2" max="2" width="3.25" style="4" customWidth="1"/>
    <col min="3" max="4" width="4.5" style="4" customWidth="1"/>
    <col min="5" max="16" width="4.625" style="4" customWidth="1"/>
    <col min="17" max="18" width="5.25" style="4" customWidth="1"/>
    <col min="19" max="19" width="6.625" style="4" customWidth="1"/>
    <col min="20" max="32" width="4.5" style="4" customWidth="1"/>
    <col min="33" max="256" width="9" style="4"/>
    <col min="257" max="257" width="2.5" style="4" customWidth="1"/>
    <col min="258" max="258" width="3.25" style="4" customWidth="1"/>
    <col min="259" max="260" width="4.5" style="4" customWidth="1"/>
    <col min="261" max="272" width="4.625" style="4" customWidth="1"/>
    <col min="273" max="274" width="5.25" style="4" customWidth="1"/>
    <col min="275" max="275" width="6.625" style="4" customWidth="1"/>
    <col min="276" max="288" width="4.5" style="4" customWidth="1"/>
    <col min="289" max="512" width="9" style="4"/>
    <col min="513" max="513" width="2.5" style="4" customWidth="1"/>
    <col min="514" max="514" width="3.25" style="4" customWidth="1"/>
    <col min="515" max="516" width="4.5" style="4" customWidth="1"/>
    <col min="517" max="528" width="4.625" style="4" customWidth="1"/>
    <col min="529" max="530" width="5.25" style="4" customWidth="1"/>
    <col min="531" max="531" width="6.625" style="4" customWidth="1"/>
    <col min="532" max="544" width="4.5" style="4" customWidth="1"/>
    <col min="545" max="768" width="9" style="4"/>
    <col min="769" max="769" width="2.5" style="4" customWidth="1"/>
    <col min="770" max="770" width="3.25" style="4" customWidth="1"/>
    <col min="771" max="772" width="4.5" style="4" customWidth="1"/>
    <col min="773" max="784" width="4.625" style="4" customWidth="1"/>
    <col min="785" max="786" width="5.25" style="4" customWidth="1"/>
    <col min="787" max="787" width="6.625" style="4" customWidth="1"/>
    <col min="788" max="800" width="4.5" style="4" customWidth="1"/>
    <col min="801" max="1024" width="9" style="4"/>
    <col min="1025" max="1025" width="2.5" style="4" customWidth="1"/>
    <col min="1026" max="1026" width="3.25" style="4" customWidth="1"/>
    <col min="1027" max="1028" width="4.5" style="4" customWidth="1"/>
    <col min="1029" max="1040" width="4.625" style="4" customWidth="1"/>
    <col min="1041" max="1042" width="5.25" style="4" customWidth="1"/>
    <col min="1043" max="1043" width="6.625" style="4" customWidth="1"/>
    <col min="1044" max="1056" width="4.5" style="4" customWidth="1"/>
    <col min="1057" max="1280" width="9" style="4"/>
    <col min="1281" max="1281" width="2.5" style="4" customWidth="1"/>
    <col min="1282" max="1282" width="3.25" style="4" customWidth="1"/>
    <col min="1283" max="1284" width="4.5" style="4" customWidth="1"/>
    <col min="1285" max="1296" width="4.625" style="4" customWidth="1"/>
    <col min="1297" max="1298" width="5.25" style="4" customWidth="1"/>
    <col min="1299" max="1299" width="6.625" style="4" customWidth="1"/>
    <col min="1300" max="1312" width="4.5" style="4" customWidth="1"/>
    <col min="1313" max="1536" width="9" style="4"/>
    <col min="1537" max="1537" width="2.5" style="4" customWidth="1"/>
    <col min="1538" max="1538" width="3.25" style="4" customWidth="1"/>
    <col min="1539" max="1540" width="4.5" style="4" customWidth="1"/>
    <col min="1541" max="1552" width="4.625" style="4" customWidth="1"/>
    <col min="1553" max="1554" width="5.25" style="4" customWidth="1"/>
    <col min="1555" max="1555" width="6.625" style="4" customWidth="1"/>
    <col min="1556" max="1568" width="4.5" style="4" customWidth="1"/>
    <col min="1569" max="1792" width="9" style="4"/>
    <col min="1793" max="1793" width="2.5" style="4" customWidth="1"/>
    <col min="1794" max="1794" width="3.25" style="4" customWidth="1"/>
    <col min="1795" max="1796" width="4.5" style="4" customWidth="1"/>
    <col min="1797" max="1808" width="4.625" style="4" customWidth="1"/>
    <col min="1809" max="1810" width="5.25" style="4" customWidth="1"/>
    <col min="1811" max="1811" width="6.625" style="4" customWidth="1"/>
    <col min="1812" max="1824" width="4.5" style="4" customWidth="1"/>
    <col min="1825" max="2048" width="9" style="4"/>
    <col min="2049" max="2049" width="2.5" style="4" customWidth="1"/>
    <col min="2050" max="2050" width="3.25" style="4" customWidth="1"/>
    <col min="2051" max="2052" width="4.5" style="4" customWidth="1"/>
    <col min="2053" max="2064" width="4.625" style="4" customWidth="1"/>
    <col min="2065" max="2066" width="5.25" style="4" customWidth="1"/>
    <col min="2067" max="2067" width="6.625" style="4" customWidth="1"/>
    <col min="2068" max="2080" width="4.5" style="4" customWidth="1"/>
    <col min="2081" max="2304" width="9" style="4"/>
    <col min="2305" max="2305" width="2.5" style="4" customWidth="1"/>
    <col min="2306" max="2306" width="3.25" style="4" customWidth="1"/>
    <col min="2307" max="2308" width="4.5" style="4" customWidth="1"/>
    <col min="2309" max="2320" width="4.625" style="4" customWidth="1"/>
    <col min="2321" max="2322" width="5.25" style="4" customWidth="1"/>
    <col min="2323" max="2323" width="6.625" style="4" customWidth="1"/>
    <col min="2324" max="2336" width="4.5" style="4" customWidth="1"/>
    <col min="2337" max="2560" width="9" style="4"/>
    <col min="2561" max="2561" width="2.5" style="4" customWidth="1"/>
    <col min="2562" max="2562" width="3.25" style="4" customWidth="1"/>
    <col min="2563" max="2564" width="4.5" style="4" customWidth="1"/>
    <col min="2565" max="2576" width="4.625" style="4" customWidth="1"/>
    <col min="2577" max="2578" width="5.25" style="4" customWidth="1"/>
    <col min="2579" max="2579" width="6.625" style="4" customWidth="1"/>
    <col min="2580" max="2592" width="4.5" style="4" customWidth="1"/>
    <col min="2593" max="2816" width="9" style="4"/>
    <col min="2817" max="2817" width="2.5" style="4" customWidth="1"/>
    <col min="2818" max="2818" width="3.25" style="4" customWidth="1"/>
    <col min="2819" max="2820" width="4.5" style="4" customWidth="1"/>
    <col min="2821" max="2832" width="4.625" style="4" customWidth="1"/>
    <col min="2833" max="2834" width="5.25" style="4" customWidth="1"/>
    <col min="2835" max="2835" width="6.625" style="4" customWidth="1"/>
    <col min="2836" max="2848" width="4.5" style="4" customWidth="1"/>
    <col min="2849" max="3072" width="9" style="4"/>
    <col min="3073" max="3073" width="2.5" style="4" customWidth="1"/>
    <col min="3074" max="3074" width="3.25" style="4" customWidth="1"/>
    <col min="3075" max="3076" width="4.5" style="4" customWidth="1"/>
    <col min="3077" max="3088" width="4.625" style="4" customWidth="1"/>
    <col min="3089" max="3090" width="5.25" style="4" customWidth="1"/>
    <col min="3091" max="3091" width="6.625" style="4" customWidth="1"/>
    <col min="3092" max="3104" width="4.5" style="4" customWidth="1"/>
    <col min="3105" max="3328" width="9" style="4"/>
    <col min="3329" max="3329" width="2.5" style="4" customWidth="1"/>
    <col min="3330" max="3330" width="3.25" style="4" customWidth="1"/>
    <col min="3331" max="3332" width="4.5" style="4" customWidth="1"/>
    <col min="3333" max="3344" width="4.625" style="4" customWidth="1"/>
    <col min="3345" max="3346" width="5.25" style="4" customWidth="1"/>
    <col min="3347" max="3347" width="6.625" style="4" customWidth="1"/>
    <col min="3348" max="3360" width="4.5" style="4" customWidth="1"/>
    <col min="3361" max="3584" width="9" style="4"/>
    <col min="3585" max="3585" width="2.5" style="4" customWidth="1"/>
    <col min="3586" max="3586" width="3.25" style="4" customWidth="1"/>
    <col min="3587" max="3588" width="4.5" style="4" customWidth="1"/>
    <col min="3589" max="3600" width="4.625" style="4" customWidth="1"/>
    <col min="3601" max="3602" width="5.25" style="4" customWidth="1"/>
    <col min="3603" max="3603" width="6.625" style="4" customWidth="1"/>
    <col min="3604" max="3616" width="4.5" style="4" customWidth="1"/>
    <col min="3617" max="3840" width="9" style="4"/>
    <col min="3841" max="3841" width="2.5" style="4" customWidth="1"/>
    <col min="3842" max="3842" width="3.25" style="4" customWidth="1"/>
    <col min="3843" max="3844" width="4.5" style="4" customWidth="1"/>
    <col min="3845" max="3856" width="4.625" style="4" customWidth="1"/>
    <col min="3857" max="3858" width="5.25" style="4" customWidth="1"/>
    <col min="3859" max="3859" width="6.625" style="4" customWidth="1"/>
    <col min="3860" max="3872" width="4.5" style="4" customWidth="1"/>
    <col min="3873" max="4096" width="9" style="4"/>
    <col min="4097" max="4097" width="2.5" style="4" customWidth="1"/>
    <col min="4098" max="4098" width="3.25" style="4" customWidth="1"/>
    <col min="4099" max="4100" width="4.5" style="4" customWidth="1"/>
    <col min="4101" max="4112" width="4.625" style="4" customWidth="1"/>
    <col min="4113" max="4114" width="5.25" style="4" customWidth="1"/>
    <col min="4115" max="4115" width="6.625" style="4" customWidth="1"/>
    <col min="4116" max="4128" width="4.5" style="4" customWidth="1"/>
    <col min="4129" max="4352" width="9" style="4"/>
    <col min="4353" max="4353" width="2.5" style="4" customWidth="1"/>
    <col min="4354" max="4354" width="3.25" style="4" customWidth="1"/>
    <col min="4355" max="4356" width="4.5" style="4" customWidth="1"/>
    <col min="4357" max="4368" width="4.625" style="4" customWidth="1"/>
    <col min="4369" max="4370" width="5.25" style="4" customWidth="1"/>
    <col min="4371" max="4371" width="6.625" style="4" customWidth="1"/>
    <col min="4372" max="4384" width="4.5" style="4" customWidth="1"/>
    <col min="4385" max="4608" width="9" style="4"/>
    <col min="4609" max="4609" width="2.5" style="4" customWidth="1"/>
    <col min="4610" max="4610" width="3.25" style="4" customWidth="1"/>
    <col min="4611" max="4612" width="4.5" style="4" customWidth="1"/>
    <col min="4613" max="4624" width="4.625" style="4" customWidth="1"/>
    <col min="4625" max="4626" width="5.25" style="4" customWidth="1"/>
    <col min="4627" max="4627" width="6.625" style="4" customWidth="1"/>
    <col min="4628" max="4640" width="4.5" style="4" customWidth="1"/>
    <col min="4641" max="4864" width="9" style="4"/>
    <col min="4865" max="4865" width="2.5" style="4" customWidth="1"/>
    <col min="4866" max="4866" width="3.25" style="4" customWidth="1"/>
    <col min="4867" max="4868" width="4.5" style="4" customWidth="1"/>
    <col min="4869" max="4880" width="4.625" style="4" customWidth="1"/>
    <col min="4881" max="4882" width="5.25" style="4" customWidth="1"/>
    <col min="4883" max="4883" width="6.625" style="4" customWidth="1"/>
    <col min="4884" max="4896" width="4.5" style="4" customWidth="1"/>
    <col min="4897" max="5120" width="9" style="4"/>
    <col min="5121" max="5121" width="2.5" style="4" customWidth="1"/>
    <col min="5122" max="5122" width="3.25" style="4" customWidth="1"/>
    <col min="5123" max="5124" width="4.5" style="4" customWidth="1"/>
    <col min="5125" max="5136" width="4.625" style="4" customWidth="1"/>
    <col min="5137" max="5138" width="5.25" style="4" customWidth="1"/>
    <col min="5139" max="5139" width="6.625" style="4" customWidth="1"/>
    <col min="5140" max="5152" width="4.5" style="4" customWidth="1"/>
    <col min="5153" max="5376" width="9" style="4"/>
    <col min="5377" max="5377" width="2.5" style="4" customWidth="1"/>
    <col min="5378" max="5378" width="3.25" style="4" customWidth="1"/>
    <col min="5379" max="5380" width="4.5" style="4" customWidth="1"/>
    <col min="5381" max="5392" width="4.625" style="4" customWidth="1"/>
    <col min="5393" max="5394" width="5.25" style="4" customWidth="1"/>
    <col min="5395" max="5395" width="6.625" style="4" customWidth="1"/>
    <col min="5396" max="5408" width="4.5" style="4" customWidth="1"/>
    <col min="5409" max="5632" width="9" style="4"/>
    <col min="5633" max="5633" width="2.5" style="4" customWidth="1"/>
    <col min="5634" max="5634" width="3.25" style="4" customWidth="1"/>
    <col min="5635" max="5636" width="4.5" style="4" customWidth="1"/>
    <col min="5637" max="5648" width="4.625" style="4" customWidth="1"/>
    <col min="5649" max="5650" width="5.25" style="4" customWidth="1"/>
    <col min="5651" max="5651" width="6.625" style="4" customWidth="1"/>
    <col min="5652" max="5664" width="4.5" style="4" customWidth="1"/>
    <col min="5665" max="5888" width="9" style="4"/>
    <col min="5889" max="5889" width="2.5" style="4" customWidth="1"/>
    <col min="5890" max="5890" width="3.25" style="4" customWidth="1"/>
    <col min="5891" max="5892" width="4.5" style="4" customWidth="1"/>
    <col min="5893" max="5904" width="4.625" style="4" customWidth="1"/>
    <col min="5905" max="5906" width="5.25" style="4" customWidth="1"/>
    <col min="5907" max="5907" width="6.625" style="4" customWidth="1"/>
    <col min="5908" max="5920" width="4.5" style="4" customWidth="1"/>
    <col min="5921" max="6144" width="9" style="4"/>
    <col min="6145" max="6145" width="2.5" style="4" customWidth="1"/>
    <col min="6146" max="6146" width="3.25" style="4" customWidth="1"/>
    <col min="6147" max="6148" width="4.5" style="4" customWidth="1"/>
    <col min="6149" max="6160" width="4.625" style="4" customWidth="1"/>
    <col min="6161" max="6162" width="5.25" style="4" customWidth="1"/>
    <col min="6163" max="6163" width="6.625" style="4" customWidth="1"/>
    <col min="6164" max="6176" width="4.5" style="4" customWidth="1"/>
    <col min="6177" max="6400" width="9" style="4"/>
    <col min="6401" max="6401" width="2.5" style="4" customWidth="1"/>
    <col min="6402" max="6402" width="3.25" style="4" customWidth="1"/>
    <col min="6403" max="6404" width="4.5" style="4" customWidth="1"/>
    <col min="6405" max="6416" width="4.625" style="4" customWidth="1"/>
    <col min="6417" max="6418" width="5.25" style="4" customWidth="1"/>
    <col min="6419" max="6419" width="6.625" style="4" customWidth="1"/>
    <col min="6420" max="6432" width="4.5" style="4" customWidth="1"/>
    <col min="6433" max="6656" width="9" style="4"/>
    <col min="6657" max="6657" width="2.5" style="4" customWidth="1"/>
    <col min="6658" max="6658" width="3.25" style="4" customWidth="1"/>
    <col min="6659" max="6660" width="4.5" style="4" customWidth="1"/>
    <col min="6661" max="6672" width="4.625" style="4" customWidth="1"/>
    <col min="6673" max="6674" width="5.25" style="4" customWidth="1"/>
    <col min="6675" max="6675" width="6.625" style="4" customWidth="1"/>
    <col min="6676" max="6688" width="4.5" style="4" customWidth="1"/>
    <col min="6689" max="6912" width="9" style="4"/>
    <col min="6913" max="6913" width="2.5" style="4" customWidth="1"/>
    <col min="6914" max="6914" width="3.25" style="4" customWidth="1"/>
    <col min="6915" max="6916" width="4.5" style="4" customWidth="1"/>
    <col min="6917" max="6928" width="4.625" style="4" customWidth="1"/>
    <col min="6929" max="6930" width="5.25" style="4" customWidth="1"/>
    <col min="6931" max="6931" width="6.625" style="4" customWidth="1"/>
    <col min="6932" max="6944" width="4.5" style="4" customWidth="1"/>
    <col min="6945" max="7168" width="9" style="4"/>
    <col min="7169" max="7169" width="2.5" style="4" customWidth="1"/>
    <col min="7170" max="7170" width="3.25" style="4" customWidth="1"/>
    <col min="7171" max="7172" width="4.5" style="4" customWidth="1"/>
    <col min="7173" max="7184" width="4.625" style="4" customWidth="1"/>
    <col min="7185" max="7186" width="5.25" style="4" customWidth="1"/>
    <col min="7187" max="7187" width="6.625" style="4" customWidth="1"/>
    <col min="7188" max="7200" width="4.5" style="4" customWidth="1"/>
    <col min="7201" max="7424" width="9" style="4"/>
    <col min="7425" max="7425" width="2.5" style="4" customWidth="1"/>
    <col min="7426" max="7426" width="3.25" style="4" customWidth="1"/>
    <col min="7427" max="7428" width="4.5" style="4" customWidth="1"/>
    <col min="7429" max="7440" width="4.625" style="4" customWidth="1"/>
    <col min="7441" max="7442" width="5.25" style="4" customWidth="1"/>
    <col min="7443" max="7443" width="6.625" style="4" customWidth="1"/>
    <col min="7444" max="7456" width="4.5" style="4" customWidth="1"/>
    <col min="7457" max="7680" width="9" style="4"/>
    <col min="7681" max="7681" width="2.5" style="4" customWidth="1"/>
    <col min="7682" max="7682" width="3.25" style="4" customWidth="1"/>
    <col min="7683" max="7684" width="4.5" style="4" customWidth="1"/>
    <col min="7685" max="7696" width="4.625" style="4" customWidth="1"/>
    <col min="7697" max="7698" width="5.25" style="4" customWidth="1"/>
    <col min="7699" max="7699" width="6.625" style="4" customWidth="1"/>
    <col min="7700" max="7712" width="4.5" style="4" customWidth="1"/>
    <col min="7713" max="7936" width="9" style="4"/>
    <col min="7937" max="7937" width="2.5" style="4" customWidth="1"/>
    <col min="7938" max="7938" width="3.25" style="4" customWidth="1"/>
    <col min="7939" max="7940" width="4.5" style="4" customWidth="1"/>
    <col min="7941" max="7952" width="4.625" style="4" customWidth="1"/>
    <col min="7953" max="7954" width="5.25" style="4" customWidth="1"/>
    <col min="7955" max="7955" width="6.625" style="4" customWidth="1"/>
    <col min="7956" max="7968" width="4.5" style="4" customWidth="1"/>
    <col min="7969" max="8192" width="9" style="4"/>
    <col min="8193" max="8193" width="2.5" style="4" customWidth="1"/>
    <col min="8194" max="8194" width="3.25" style="4" customWidth="1"/>
    <col min="8195" max="8196" width="4.5" style="4" customWidth="1"/>
    <col min="8197" max="8208" width="4.625" style="4" customWidth="1"/>
    <col min="8209" max="8210" width="5.25" style="4" customWidth="1"/>
    <col min="8211" max="8211" width="6.625" style="4" customWidth="1"/>
    <col min="8212" max="8224" width="4.5" style="4" customWidth="1"/>
    <col min="8225" max="8448" width="9" style="4"/>
    <col min="8449" max="8449" width="2.5" style="4" customWidth="1"/>
    <col min="8450" max="8450" width="3.25" style="4" customWidth="1"/>
    <col min="8451" max="8452" width="4.5" style="4" customWidth="1"/>
    <col min="8453" max="8464" width="4.625" style="4" customWidth="1"/>
    <col min="8465" max="8466" width="5.25" style="4" customWidth="1"/>
    <col min="8467" max="8467" width="6.625" style="4" customWidth="1"/>
    <col min="8468" max="8480" width="4.5" style="4" customWidth="1"/>
    <col min="8481" max="8704" width="9" style="4"/>
    <col min="8705" max="8705" width="2.5" style="4" customWidth="1"/>
    <col min="8706" max="8706" width="3.25" style="4" customWidth="1"/>
    <col min="8707" max="8708" width="4.5" style="4" customWidth="1"/>
    <col min="8709" max="8720" width="4.625" style="4" customWidth="1"/>
    <col min="8721" max="8722" width="5.25" style="4" customWidth="1"/>
    <col min="8723" max="8723" width="6.625" style="4" customWidth="1"/>
    <col min="8724" max="8736" width="4.5" style="4" customWidth="1"/>
    <col min="8737" max="8960" width="9" style="4"/>
    <col min="8961" max="8961" width="2.5" style="4" customWidth="1"/>
    <col min="8962" max="8962" width="3.25" style="4" customWidth="1"/>
    <col min="8963" max="8964" width="4.5" style="4" customWidth="1"/>
    <col min="8965" max="8976" width="4.625" style="4" customWidth="1"/>
    <col min="8977" max="8978" width="5.25" style="4" customWidth="1"/>
    <col min="8979" max="8979" width="6.625" style="4" customWidth="1"/>
    <col min="8980" max="8992" width="4.5" style="4" customWidth="1"/>
    <col min="8993" max="9216" width="9" style="4"/>
    <col min="9217" max="9217" width="2.5" style="4" customWidth="1"/>
    <col min="9218" max="9218" width="3.25" style="4" customWidth="1"/>
    <col min="9219" max="9220" width="4.5" style="4" customWidth="1"/>
    <col min="9221" max="9232" width="4.625" style="4" customWidth="1"/>
    <col min="9233" max="9234" width="5.25" style="4" customWidth="1"/>
    <col min="9235" max="9235" width="6.625" style="4" customWidth="1"/>
    <col min="9236" max="9248" width="4.5" style="4" customWidth="1"/>
    <col min="9249" max="9472" width="9" style="4"/>
    <col min="9473" max="9473" width="2.5" style="4" customWidth="1"/>
    <col min="9474" max="9474" width="3.25" style="4" customWidth="1"/>
    <col min="9475" max="9476" width="4.5" style="4" customWidth="1"/>
    <col min="9477" max="9488" width="4.625" style="4" customWidth="1"/>
    <col min="9489" max="9490" width="5.25" style="4" customWidth="1"/>
    <col min="9491" max="9491" width="6.625" style="4" customWidth="1"/>
    <col min="9492" max="9504" width="4.5" style="4" customWidth="1"/>
    <col min="9505" max="9728" width="9" style="4"/>
    <col min="9729" max="9729" width="2.5" style="4" customWidth="1"/>
    <col min="9730" max="9730" width="3.25" style="4" customWidth="1"/>
    <col min="9731" max="9732" width="4.5" style="4" customWidth="1"/>
    <col min="9733" max="9744" width="4.625" style="4" customWidth="1"/>
    <col min="9745" max="9746" width="5.25" style="4" customWidth="1"/>
    <col min="9747" max="9747" width="6.625" style="4" customWidth="1"/>
    <col min="9748" max="9760" width="4.5" style="4" customWidth="1"/>
    <col min="9761" max="9984" width="9" style="4"/>
    <col min="9985" max="9985" width="2.5" style="4" customWidth="1"/>
    <col min="9986" max="9986" width="3.25" style="4" customWidth="1"/>
    <col min="9987" max="9988" width="4.5" style="4" customWidth="1"/>
    <col min="9989" max="10000" width="4.625" style="4" customWidth="1"/>
    <col min="10001" max="10002" width="5.25" style="4" customWidth="1"/>
    <col min="10003" max="10003" width="6.625" style="4" customWidth="1"/>
    <col min="10004" max="10016" width="4.5" style="4" customWidth="1"/>
    <col min="10017" max="10240" width="9" style="4"/>
    <col min="10241" max="10241" width="2.5" style="4" customWidth="1"/>
    <col min="10242" max="10242" width="3.25" style="4" customWidth="1"/>
    <col min="10243" max="10244" width="4.5" style="4" customWidth="1"/>
    <col min="10245" max="10256" width="4.625" style="4" customWidth="1"/>
    <col min="10257" max="10258" width="5.25" style="4" customWidth="1"/>
    <col min="10259" max="10259" width="6.625" style="4" customWidth="1"/>
    <col min="10260" max="10272" width="4.5" style="4" customWidth="1"/>
    <col min="10273" max="10496" width="9" style="4"/>
    <col min="10497" max="10497" width="2.5" style="4" customWidth="1"/>
    <col min="10498" max="10498" width="3.25" style="4" customWidth="1"/>
    <col min="10499" max="10500" width="4.5" style="4" customWidth="1"/>
    <col min="10501" max="10512" width="4.625" style="4" customWidth="1"/>
    <col min="10513" max="10514" width="5.25" style="4" customWidth="1"/>
    <col min="10515" max="10515" width="6.625" style="4" customWidth="1"/>
    <col min="10516" max="10528" width="4.5" style="4" customWidth="1"/>
    <col min="10529" max="10752" width="9" style="4"/>
    <col min="10753" max="10753" width="2.5" style="4" customWidth="1"/>
    <col min="10754" max="10754" width="3.25" style="4" customWidth="1"/>
    <col min="10755" max="10756" width="4.5" style="4" customWidth="1"/>
    <col min="10757" max="10768" width="4.625" style="4" customWidth="1"/>
    <col min="10769" max="10770" width="5.25" style="4" customWidth="1"/>
    <col min="10771" max="10771" width="6.625" style="4" customWidth="1"/>
    <col min="10772" max="10784" width="4.5" style="4" customWidth="1"/>
    <col min="10785" max="11008" width="9" style="4"/>
    <col min="11009" max="11009" width="2.5" style="4" customWidth="1"/>
    <col min="11010" max="11010" width="3.25" style="4" customWidth="1"/>
    <col min="11011" max="11012" width="4.5" style="4" customWidth="1"/>
    <col min="11013" max="11024" width="4.625" style="4" customWidth="1"/>
    <col min="11025" max="11026" width="5.25" style="4" customWidth="1"/>
    <col min="11027" max="11027" width="6.625" style="4" customWidth="1"/>
    <col min="11028" max="11040" width="4.5" style="4" customWidth="1"/>
    <col min="11041" max="11264" width="9" style="4"/>
    <col min="11265" max="11265" width="2.5" style="4" customWidth="1"/>
    <col min="11266" max="11266" width="3.25" style="4" customWidth="1"/>
    <col min="11267" max="11268" width="4.5" style="4" customWidth="1"/>
    <col min="11269" max="11280" width="4.625" style="4" customWidth="1"/>
    <col min="11281" max="11282" width="5.25" style="4" customWidth="1"/>
    <col min="11283" max="11283" width="6.625" style="4" customWidth="1"/>
    <col min="11284" max="11296" width="4.5" style="4" customWidth="1"/>
    <col min="11297" max="11520" width="9" style="4"/>
    <col min="11521" max="11521" width="2.5" style="4" customWidth="1"/>
    <col min="11522" max="11522" width="3.25" style="4" customWidth="1"/>
    <col min="11523" max="11524" width="4.5" style="4" customWidth="1"/>
    <col min="11525" max="11536" width="4.625" style="4" customWidth="1"/>
    <col min="11537" max="11538" width="5.25" style="4" customWidth="1"/>
    <col min="11539" max="11539" width="6.625" style="4" customWidth="1"/>
    <col min="11540" max="11552" width="4.5" style="4" customWidth="1"/>
    <col min="11553" max="11776" width="9" style="4"/>
    <col min="11777" max="11777" width="2.5" style="4" customWidth="1"/>
    <col min="11778" max="11778" width="3.25" style="4" customWidth="1"/>
    <col min="11779" max="11780" width="4.5" style="4" customWidth="1"/>
    <col min="11781" max="11792" width="4.625" style="4" customWidth="1"/>
    <col min="11793" max="11794" width="5.25" style="4" customWidth="1"/>
    <col min="11795" max="11795" width="6.625" style="4" customWidth="1"/>
    <col min="11796" max="11808" width="4.5" style="4" customWidth="1"/>
    <col min="11809" max="12032" width="9" style="4"/>
    <col min="12033" max="12033" width="2.5" style="4" customWidth="1"/>
    <col min="12034" max="12034" width="3.25" style="4" customWidth="1"/>
    <col min="12035" max="12036" width="4.5" style="4" customWidth="1"/>
    <col min="12037" max="12048" width="4.625" style="4" customWidth="1"/>
    <col min="12049" max="12050" width="5.25" style="4" customWidth="1"/>
    <col min="12051" max="12051" width="6.625" style="4" customWidth="1"/>
    <col min="12052" max="12064" width="4.5" style="4" customWidth="1"/>
    <col min="12065" max="12288" width="9" style="4"/>
    <col min="12289" max="12289" width="2.5" style="4" customWidth="1"/>
    <col min="12290" max="12290" width="3.25" style="4" customWidth="1"/>
    <col min="12291" max="12292" width="4.5" style="4" customWidth="1"/>
    <col min="12293" max="12304" width="4.625" style="4" customWidth="1"/>
    <col min="12305" max="12306" width="5.25" style="4" customWidth="1"/>
    <col min="12307" max="12307" width="6.625" style="4" customWidth="1"/>
    <col min="12308" max="12320" width="4.5" style="4" customWidth="1"/>
    <col min="12321" max="12544" width="9" style="4"/>
    <col min="12545" max="12545" width="2.5" style="4" customWidth="1"/>
    <col min="12546" max="12546" width="3.25" style="4" customWidth="1"/>
    <col min="12547" max="12548" width="4.5" style="4" customWidth="1"/>
    <col min="12549" max="12560" width="4.625" style="4" customWidth="1"/>
    <col min="12561" max="12562" width="5.25" style="4" customWidth="1"/>
    <col min="12563" max="12563" width="6.625" style="4" customWidth="1"/>
    <col min="12564" max="12576" width="4.5" style="4" customWidth="1"/>
    <col min="12577" max="12800" width="9" style="4"/>
    <col min="12801" max="12801" width="2.5" style="4" customWidth="1"/>
    <col min="12802" max="12802" width="3.25" style="4" customWidth="1"/>
    <col min="12803" max="12804" width="4.5" style="4" customWidth="1"/>
    <col min="12805" max="12816" width="4.625" style="4" customWidth="1"/>
    <col min="12817" max="12818" width="5.25" style="4" customWidth="1"/>
    <col min="12819" max="12819" width="6.625" style="4" customWidth="1"/>
    <col min="12820" max="12832" width="4.5" style="4" customWidth="1"/>
    <col min="12833" max="13056" width="9" style="4"/>
    <col min="13057" max="13057" width="2.5" style="4" customWidth="1"/>
    <col min="13058" max="13058" width="3.25" style="4" customWidth="1"/>
    <col min="13059" max="13060" width="4.5" style="4" customWidth="1"/>
    <col min="13061" max="13072" width="4.625" style="4" customWidth="1"/>
    <col min="13073" max="13074" width="5.25" style="4" customWidth="1"/>
    <col min="13075" max="13075" width="6.625" style="4" customWidth="1"/>
    <col min="13076" max="13088" width="4.5" style="4" customWidth="1"/>
    <col min="13089" max="13312" width="9" style="4"/>
    <col min="13313" max="13313" width="2.5" style="4" customWidth="1"/>
    <col min="13314" max="13314" width="3.25" style="4" customWidth="1"/>
    <col min="13315" max="13316" width="4.5" style="4" customWidth="1"/>
    <col min="13317" max="13328" width="4.625" style="4" customWidth="1"/>
    <col min="13329" max="13330" width="5.25" style="4" customWidth="1"/>
    <col min="13331" max="13331" width="6.625" style="4" customWidth="1"/>
    <col min="13332" max="13344" width="4.5" style="4" customWidth="1"/>
    <col min="13345" max="13568" width="9" style="4"/>
    <col min="13569" max="13569" width="2.5" style="4" customWidth="1"/>
    <col min="13570" max="13570" width="3.25" style="4" customWidth="1"/>
    <col min="13571" max="13572" width="4.5" style="4" customWidth="1"/>
    <col min="13573" max="13584" width="4.625" style="4" customWidth="1"/>
    <col min="13585" max="13586" width="5.25" style="4" customWidth="1"/>
    <col min="13587" max="13587" width="6.625" style="4" customWidth="1"/>
    <col min="13588" max="13600" width="4.5" style="4" customWidth="1"/>
    <col min="13601" max="13824" width="9" style="4"/>
    <col min="13825" max="13825" width="2.5" style="4" customWidth="1"/>
    <col min="13826" max="13826" width="3.25" style="4" customWidth="1"/>
    <col min="13827" max="13828" width="4.5" style="4" customWidth="1"/>
    <col min="13829" max="13840" width="4.625" style="4" customWidth="1"/>
    <col min="13841" max="13842" width="5.25" style="4" customWidth="1"/>
    <col min="13843" max="13843" width="6.625" style="4" customWidth="1"/>
    <col min="13844" max="13856" width="4.5" style="4" customWidth="1"/>
    <col min="13857" max="14080" width="9" style="4"/>
    <col min="14081" max="14081" width="2.5" style="4" customWidth="1"/>
    <col min="14082" max="14082" width="3.25" style="4" customWidth="1"/>
    <col min="14083" max="14084" width="4.5" style="4" customWidth="1"/>
    <col min="14085" max="14096" width="4.625" style="4" customWidth="1"/>
    <col min="14097" max="14098" width="5.25" style="4" customWidth="1"/>
    <col min="14099" max="14099" width="6.625" style="4" customWidth="1"/>
    <col min="14100" max="14112" width="4.5" style="4" customWidth="1"/>
    <col min="14113" max="14336" width="9" style="4"/>
    <col min="14337" max="14337" width="2.5" style="4" customWidth="1"/>
    <col min="14338" max="14338" width="3.25" style="4" customWidth="1"/>
    <col min="14339" max="14340" width="4.5" style="4" customWidth="1"/>
    <col min="14341" max="14352" width="4.625" style="4" customWidth="1"/>
    <col min="14353" max="14354" width="5.25" style="4" customWidth="1"/>
    <col min="14355" max="14355" width="6.625" style="4" customWidth="1"/>
    <col min="14356" max="14368" width="4.5" style="4" customWidth="1"/>
    <col min="14369" max="14592" width="9" style="4"/>
    <col min="14593" max="14593" width="2.5" style="4" customWidth="1"/>
    <col min="14594" max="14594" width="3.25" style="4" customWidth="1"/>
    <col min="14595" max="14596" width="4.5" style="4" customWidth="1"/>
    <col min="14597" max="14608" width="4.625" style="4" customWidth="1"/>
    <col min="14609" max="14610" width="5.25" style="4" customWidth="1"/>
    <col min="14611" max="14611" width="6.625" style="4" customWidth="1"/>
    <col min="14612" max="14624" width="4.5" style="4" customWidth="1"/>
    <col min="14625" max="14848" width="9" style="4"/>
    <col min="14849" max="14849" width="2.5" style="4" customWidth="1"/>
    <col min="14850" max="14850" width="3.25" style="4" customWidth="1"/>
    <col min="14851" max="14852" width="4.5" style="4" customWidth="1"/>
    <col min="14853" max="14864" width="4.625" style="4" customWidth="1"/>
    <col min="14865" max="14866" width="5.25" style="4" customWidth="1"/>
    <col min="14867" max="14867" width="6.625" style="4" customWidth="1"/>
    <col min="14868" max="14880" width="4.5" style="4" customWidth="1"/>
    <col min="14881" max="15104" width="9" style="4"/>
    <col min="15105" max="15105" width="2.5" style="4" customWidth="1"/>
    <col min="15106" max="15106" width="3.25" style="4" customWidth="1"/>
    <col min="15107" max="15108" width="4.5" style="4" customWidth="1"/>
    <col min="15109" max="15120" width="4.625" style="4" customWidth="1"/>
    <col min="15121" max="15122" width="5.25" style="4" customWidth="1"/>
    <col min="15123" max="15123" width="6.625" style="4" customWidth="1"/>
    <col min="15124" max="15136" width="4.5" style="4" customWidth="1"/>
    <col min="15137" max="15360" width="9" style="4"/>
    <col min="15361" max="15361" width="2.5" style="4" customWidth="1"/>
    <col min="15362" max="15362" width="3.25" style="4" customWidth="1"/>
    <col min="15363" max="15364" width="4.5" style="4" customWidth="1"/>
    <col min="15365" max="15376" width="4.625" style="4" customWidth="1"/>
    <col min="15377" max="15378" width="5.25" style="4" customWidth="1"/>
    <col min="15379" max="15379" width="6.625" style="4" customWidth="1"/>
    <col min="15380" max="15392" width="4.5" style="4" customWidth="1"/>
    <col min="15393" max="15616" width="9" style="4"/>
    <col min="15617" max="15617" width="2.5" style="4" customWidth="1"/>
    <col min="15618" max="15618" width="3.25" style="4" customWidth="1"/>
    <col min="15619" max="15620" width="4.5" style="4" customWidth="1"/>
    <col min="15621" max="15632" width="4.625" style="4" customWidth="1"/>
    <col min="15633" max="15634" width="5.25" style="4" customWidth="1"/>
    <col min="15635" max="15635" width="6.625" style="4" customWidth="1"/>
    <col min="15636" max="15648" width="4.5" style="4" customWidth="1"/>
    <col min="15649" max="15872" width="9" style="4"/>
    <col min="15873" max="15873" width="2.5" style="4" customWidth="1"/>
    <col min="15874" max="15874" width="3.25" style="4" customWidth="1"/>
    <col min="15875" max="15876" width="4.5" style="4" customWidth="1"/>
    <col min="15877" max="15888" width="4.625" style="4" customWidth="1"/>
    <col min="15889" max="15890" width="5.25" style="4" customWidth="1"/>
    <col min="15891" max="15891" width="6.625" style="4" customWidth="1"/>
    <col min="15892" max="15904" width="4.5" style="4" customWidth="1"/>
    <col min="15905" max="16128" width="9" style="4"/>
    <col min="16129" max="16129" width="2.5" style="4" customWidth="1"/>
    <col min="16130" max="16130" width="3.25" style="4" customWidth="1"/>
    <col min="16131" max="16132" width="4.5" style="4" customWidth="1"/>
    <col min="16133" max="16144" width="4.625" style="4" customWidth="1"/>
    <col min="16145" max="16146" width="5.25" style="4" customWidth="1"/>
    <col min="16147" max="16147" width="6.625" style="4" customWidth="1"/>
    <col min="16148" max="16160" width="4.5" style="4" customWidth="1"/>
    <col min="16161" max="16384" width="9" style="4"/>
  </cols>
  <sheetData>
    <row r="1" spans="1:21">
      <c r="C1" s="5"/>
      <c r="D1" s="5"/>
      <c r="E1" s="5"/>
      <c r="F1" s="5"/>
      <c r="G1" s="5"/>
      <c r="H1" s="5"/>
      <c r="I1" s="5"/>
      <c r="J1" s="5"/>
      <c r="K1" s="5"/>
      <c r="L1" s="5"/>
      <c r="M1" s="5"/>
      <c r="N1" s="5"/>
      <c r="O1" s="5"/>
      <c r="P1" s="5"/>
      <c r="Q1" s="5"/>
      <c r="R1" s="5" t="s">
        <v>72</v>
      </c>
      <c r="T1" s="5"/>
      <c r="U1" s="5"/>
    </row>
    <row r="2" spans="1:21" ht="17.25">
      <c r="B2" s="234" t="s">
        <v>73</v>
      </c>
      <c r="C2" s="234"/>
      <c r="D2" s="234"/>
      <c r="E2" s="234"/>
      <c r="F2" s="234"/>
      <c r="G2" s="234"/>
      <c r="H2" s="234"/>
      <c r="I2" s="234"/>
      <c r="J2" s="234"/>
      <c r="K2" s="234"/>
      <c r="L2" s="234"/>
      <c r="M2" s="234"/>
      <c r="N2" s="234"/>
      <c r="O2" s="234"/>
      <c r="P2" s="234"/>
      <c r="Q2" s="234"/>
      <c r="R2" s="234"/>
      <c r="S2" s="234"/>
      <c r="T2" s="234"/>
      <c r="U2" s="5"/>
    </row>
    <row r="3" spans="1:21" ht="9" customHeight="1">
      <c r="B3" s="6"/>
      <c r="C3" s="6"/>
      <c r="D3" s="6"/>
      <c r="E3" s="6"/>
      <c r="F3" s="6"/>
      <c r="G3" s="6"/>
      <c r="H3" s="6"/>
      <c r="I3" s="6"/>
      <c r="J3" s="6"/>
      <c r="K3" s="6"/>
      <c r="L3" s="6"/>
      <c r="M3" s="6"/>
      <c r="N3" s="6"/>
      <c r="O3" s="6"/>
      <c r="P3" s="6"/>
      <c r="Q3" s="6"/>
      <c r="R3" s="6"/>
      <c r="S3" s="5"/>
      <c r="T3" s="5"/>
      <c r="U3" s="5"/>
    </row>
    <row r="4" spans="1:21" ht="17.25">
      <c r="A4" s="139" t="s">
        <v>74</v>
      </c>
      <c r="B4" s="5"/>
      <c r="C4" s="5"/>
      <c r="D4" s="5"/>
      <c r="E4" s="5"/>
      <c r="F4" s="5"/>
      <c r="G4" s="5"/>
      <c r="H4" s="5"/>
      <c r="I4" s="5"/>
      <c r="J4" s="5"/>
      <c r="K4" s="5"/>
      <c r="L4" s="5"/>
      <c r="M4" s="5"/>
      <c r="N4" s="5"/>
      <c r="O4" s="5"/>
      <c r="P4" s="5"/>
      <c r="Q4" s="5"/>
      <c r="R4" s="5"/>
      <c r="S4" s="5"/>
    </row>
    <row r="5" spans="1:21" s="121" customFormat="1" ht="14.25">
      <c r="A5" s="5" t="s">
        <v>276</v>
      </c>
      <c r="B5" s="6"/>
      <c r="C5" s="6"/>
      <c r="D5" s="6"/>
      <c r="E5" s="6"/>
      <c r="F5" s="6"/>
      <c r="G5" s="6"/>
      <c r="H5" s="6"/>
      <c r="I5" s="6"/>
      <c r="J5" s="6"/>
      <c r="K5" s="6"/>
      <c r="L5" s="6"/>
      <c r="M5" s="6"/>
      <c r="N5" s="6"/>
      <c r="O5" s="6"/>
      <c r="P5" s="6"/>
      <c r="Q5" s="6"/>
      <c r="R5" s="6"/>
      <c r="S5" s="6"/>
    </row>
    <row r="6" spans="1:21" s="121" customFormat="1" ht="14.25">
      <c r="A6" s="6" t="s">
        <v>277</v>
      </c>
      <c r="B6" s="6"/>
      <c r="C6" s="6"/>
      <c r="D6" s="6"/>
      <c r="E6" s="6"/>
      <c r="F6" s="6"/>
      <c r="G6" s="6"/>
      <c r="H6" s="6"/>
      <c r="I6" s="6"/>
      <c r="J6" s="6"/>
      <c r="K6" s="6"/>
      <c r="L6" s="6"/>
      <c r="M6" s="6"/>
      <c r="N6" s="6"/>
      <c r="O6" s="6"/>
      <c r="P6" s="6"/>
      <c r="Q6" s="6"/>
      <c r="R6" s="6"/>
      <c r="S6" s="6"/>
    </row>
    <row r="7" spans="1:21" ht="22.5" customHeight="1">
      <c r="A7" s="5"/>
      <c r="B7" s="5" t="s">
        <v>270</v>
      </c>
      <c r="C7" s="5" t="s">
        <v>268</v>
      </c>
      <c r="D7" s="5"/>
      <c r="E7" s="5"/>
      <c r="F7" s="5"/>
      <c r="G7" s="5"/>
      <c r="H7" s="5"/>
      <c r="I7" s="5"/>
      <c r="J7" s="5"/>
      <c r="K7" s="5"/>
      <c r="L7" s="5"/>
      <c r="M7" s="5"/>
      <c r="N7" s="5"/>
      <c r="O7" s="5"/>
      <c r="P7" s="5"/>
      <c r="Q7" s="5"/>
      <c r="R7" s="5"/>
      <c r="S7" s="5"/>
    </row>
    <row r="8" spans="1:21" ht="30" customHeight="1">
      <c r="A8" s="5"/>
      <c r="B8" s="5"/>
      <c r="C8" s="182" t="s">
        <v>269</v>
      </c>
      <c r="D8" s="182"/>
      <c r="E8" s="182"/>
      <c r="F8" s="182"/>
      <c r="G8" s="182"/>
      <c r="H8" s="182"/>
      <c r="I8" s="182"/>
      <c r="J8" s="182"/>
      <c r="K8" s="182"/>
      <c r="L8" s="182"/>
      <c r="M8" s="182"/>
      <c r="N8" s="182"/>
      <c r="O8" s="182"/>
      <c r="P8" s="182"/>
      <c r="Q8" s="182"/>
      <c r="R8" s="182"/>
      <c r="S8" s="182"/>
      <c r="T8" s="182"/>
    </row>
    <row r="9" spans="1:21" ht="9" customHeight="1">
      <c r="B9" s="22"/>
      <c r="C9" s="22"/>
      <c r="D9" s="22"/>
      <c r="E9" s="22"/>
      <c r="F9" s="22"/>
      <c r="G9" s="22"/>
      <c r="H9" s="22"/>
      <c r="I9" s="22"/>
      <c r="J9" s="22"/>
      <c r="K9" s="22"/>
      <c r="L9" s="22"/>
      <c r="M9" s="22"/>
      <c r="N9" s="22"/>
      <c r="O9" s="22"/>
      <c r="P9" s="22"/>
      <c r="Q9" s="22"/>
      <c r="R9" s="22"/>
      <c r="S9" s="22"/>
      <c r="T9" s="23"/>
      <c r="U9" s="5"/>
    </row>
    <row r="10" spans="1:21" ht="18.75" customHeight="1">
      <c r="A10" s="5"/>
      <c r="B10" s="5" t="s">
        <v>271</v>
      </c>
      <c r="C10" s="7" t="s">
        <v>281</v>
      </c>
      <c r="D10" s="5"/>
      <c r="E10" s="5"/>
      <c r="F10" s="5"/>
      <c r="G10" s="5"/>
      <c r="H10" s="5"/>
      <c r="I10" s="5"/>
      <c r="J10" s="5"/>
      <c r="K10" s="5"/>
      <c r="L10" s="5"/>
      <c r="M10" s="5"/>
      <c r="N10" s="5"/>
      <c r="O10" s="5"/>
      <c r="P10" s="5"/>
      <c r="Q10" s="5"/>
      <c r="R10" s="5"/>
      <c r="S10" s="5"/>
    </row>
    <row r="11" spans="1:21" ht="18.75" customHeight="1">
      <c r="A11" s="5"/>
      <c r="B11" s="5"/>
      <c r="C11" s="7" t="s">
        <v>280</v>
      </c>
      <c r="D11" s="5"/>
      <c r="E11" s="5"/>
      <c r="F11" s="5"/>
      <c r="G11" s="5"/>
      <c r="H11" s="5"/>
      <c r="I11" s="5"/>
      <c r="J11" s="5"/>
      <c r="K11" s="5"/>
      <c r="L11" s="5"/>
      <c r="M11" s="5"/>
      <c r="N11" s="5"/>
      <c r="O11" s="5"/>
      <c r="P11" s="5"/>
      <c r="Q11" s="5"/>
      <c r="R11" s="5"/>
      <c r="S11" s="5"/>
    </row>
    <row r="12" spans="1:21" ht="20.100000000000001" customHeight="1">
      <c r="A12" s="5"/>
      <c r="B12" s="10"/>
      <c r="C12" s="235"/>
      <c r="D12" s="236"/>
      <c r="E12" s="236"/>
      <c r="F12" s="236"/>
      <c r="G12" s="236"/>
      <c r="H12" s="236"/>
      <c r="I12" s="236"/>
      <c r="J12" s="237"/>
      <c r="K12" s="235"/>
      <c r="L12" s="236"/>
      <c r="M12" s="236"/>
      <c r="N12" s="236"/>
      <c r="O12" s="236"/>
      <c r="P12" s="236"/>
      <c r="Q12" s="237"/>
      <c r="R12" s="24"/>
      <c r="S12" s="5"/>
    </row>
    <row r="13" spans="1:21" ht="20.100000000000001" customHeight="1">
      <c r="A13" s="5"/>
      <c r="B13" s="10"/>
      <c r="C13" s="235"/>
      <c r="D13" s="236"/>
      <c r="E13" s="236"/>
      <c r="F13" s="236"/>
      <c r="G13" s="236"/>
      <c r="H13" s="236"/>
      <c r="I13" s="236"/>
      <c r="J13" s="237"/>
      <c r="K13" s="235"/>
      <c r="L13" s="236"/>
      <c r="M13" s="236"/>
      <c r="N13" s="236"/>
      <c r="O13" s="236"/>
      <c r="P13" s="236"/>
      <c r="Q13" s="237"/>
      <c r="R13" s="24"/>
      <c r="S13" s="5"/>
    </row>
    <row r="14" spans="1:21" ht="20.100000000000001" customHeight="1">
      <c r="A14" s="5"/>
      <c r="B14" s="10"/>
      <c r="C14" s="235"/>
      <c r="D14" s="236"/>
      <c r="E14" s="236"/>
      <c r="F14" s="236"/>
      <c r="G14" s="236"/>
      <c r="H14" s="236"/>
      <c r="I14" s="236"/>
      <c r="J14" s="237"/>
      <c r="K14" s="235"/>
      <c r="L14" s="236"/>
      <c r="M14" s="236"/>
      <c r="N14" s="236"/>
      <c r="O14" s="236"/>
      <c r="P14" s="236"/>
      <c r="Q14" s="237"/>
      <c r="R14" s="24"/>
      <c r="S14" s="5"/>
    </row>
    <row r="15" spans="1:21" ht="20.100000000000001" customHeight="1">
      <c r="A15" s="5"/>
      <c r="B15" s="10"/>
      <c r="C15" s="235"/>
      <c r="D15" s="236"/>
      <c r="E15" s="236"/>
      <c r="F15" s="236"/>
      <c r="G15" s="236"/>
      <c r="H15" s="236"/>
      <c r="I15" s="236"/>
      <c r="J15" s="237"/>
      <c r="K15" s="235"/>
      <c r="L15" s="236"/>
      <c r="M15" s="236"/>
      <c r="N15" s="236"/>
      <c r="O15" s="236"/>
      <c r="P15" s="236"/>
      <c r="Q15" s="237"/>
      <c r="R15" s="24"/>
      <c r="S15" s="5"/>
    </row>
    <row r="16" spans="1:21" ht="20.100000000000001" customHeight="1">
      <c r="A16" s="5"/>
      <c r="B16" s="10"/>
      <c r="C16" s="235"/>
      <c r="D16" s="236"/>
      <c r="E16" s="236"/>
      <c r="F16" s="236"/>
      <c r="G16" s="236"/>
      <c r="H16" s="236"/>
      <c r="I16" s="236"/>
      <c r="J16" s="237"/>
      <c r="K16" s="235"/>
      <c r="L16" s="236"/>
      <c r="M16" s="236"/>
      <c r="N16" s="236"/>
      <c r="O16" s="236"/>
      <c r="P16" s="236"/>
      <c r="Q16" s="237"/>
      <c r="R16" s="24"/>
      <c r="S16" s="5"/>
    </row>
    <row r="17" spans="1:21" ht="18.75" customHeight="1">
      <c r="A17" s="5"/>
      <c r="B17" s="5"/>
      <c r="C17" s="5" t="s">
        <v>274</v>
      </c>
      <c r="D17" s="13"/>
      <c r="E17" s="13"/>
      <c r="F17" s="13"/>
      <c r="G17" s="13"/>
      <c r="H17" s="13"/>
      <c r="I17" s="13"/>
      <c r="J17" s="13"/>
      <c r="K17" s="13"/>
      <c r="L17" s="13"/>
      <c r="M17" s="13"/>
      <c r="N17" s="13"/>
      <c r="O17" s="13"/>
      <c r="P17" s="13"/>
      <c r="Q17" s="13"/>
      <c r="R17" s="13"/>
      <c r="S17" s="13"/>
      <c r="T17" s="25"/>
    </row>
    <row r="18" spans="1:21" ht="17.25" customHeight="1">
      <c r="B18" s="5"/>
      <c r="C18" s="5" t="s">
        <v>275</v>
      </c>
      <c r="D18" s="5"/>
      <c r="E18" s="5"/>
      <c r="F18" s="5"/>
      <c r="G18" s="5"/>
      <c r="H18" s="5"/>
      <c r="I18" s="5"/>
      <c r="J18" s="5"/>
      <c r="K18" s="5"/>
      <c r="L18" s="5"/>
      <c r="M18" s="5"/>
      <c r="N18" s="5"/>
      <c r="O18" s="5"/>
      <c r="P18" s="5"/>
      <c r="Q18" s="5"/>
      <c r="R18" s="5"/>
      <c r="S18" s="5"/>
      <c r="T18" s="135"/>
      <c r="U18" s="5"/>
    </row>
    <row r="19" spans="1:21" ht="17.25" customHeight="1">
      <c r="B19" s="5"/>
      <c r="C19" s="5"/>
      <c r="D19" s="5"/>
      <c r="E19" s="5"/>
      <c r="F19" s="5"/>
      <c r="G19" s="5"/>
      <c r="H19" s="5"/>
      <c r="I19" s="5"/>
      <c r="J19" s="5"/>
      <c r="K19" s="5"/>
      <c r="L19" s="5"/>
      <c r="M19" s="5"/>
      <c r="N19" s="5"/>
      <c r="O19" s="5"/>
      <c r="P19" s="5"/>
      <c r="Q19" s="5"/>
      <c r="R19" s="5"/>
      <c r="S19" s="5"/>
      <c r="T19" s="135"/>
      <c r="U19" s="5"/>
    </row>
    <row r="20" spans="1:21" ht="17.25" customHeight="1">
      <c r="B20" s="5" t="s">
        <v>272</v>
      </c>
      <c r="C20" s="5"/>
      <c r="D20" s="5"/>
      <c r="E20" s="5"/>
      <c r="F20" s="5"/>
      <c r="G20" s="5"/>
      <c r="H20" s="5"/>
      <c r="I20" s="5"/>
      <c r="J20" s="5"/>
      <c r="K20" s="5"/>
      <c r="L20" s="5"/>
      <c r="M20" s="5"/>
      <c r="N20" s="5"/>
      <c r="O20" s="5"/>
      <c r="P20" s="5"/>
      <c r="Q20" s="5"/>
      <c r="R20" s="5"/>
      <c r="S20" s="5"/>
      <c r="T20" s="135"/>
      <c r="U20" s="5"/>
    </row>
    <row r="21" spans="1:21" ht="30" customHeight="1">
      <c r="A21" s="5"/>
      <c r="B21" s="5"/>
      <c r="C21" s="182" t="s">
        <v>273</v>
      </c>
      <c r="D21" s="182"/>
      <c r="E21" s="182"/>
      <c r="F21" s="182"/>
      <c r="G21" s="182"/>
      <c r="H21" s="182"/>
      <c r="I21" s="182"/>
      <c r="J21" s="182"/>
      <c r="K21" s="182"/>
      <c r="L21" s="182"/>
      <c r="M21" s="182"/>
      <c r="N21" s="182"/>
      <c r="O21" s="182"/>
      <c r="P21" s="182"/>
      <c r="Q21" s="182"/>
      <c r="R21" s="182"/>
      <c r="S21" s="182"/>
      <c r="T21" s="182"/>
    </row>
    <row r="22" spans="1:21" ht="17.25" customHeight="1"/>
    <row r="23" spans="1:21">
      <c r="B23" s="228" t="s">
        <v>77</v>
      </c>
      <c r="C23" s="229"/>
      <c r="D23" s="229"/>
      <c r="E23" s="229"/>
      <c r="F23" s="229"/>
      <c r="G23" s="229"/>
      <c r="H23" s="229"/>
      <c r="I23" s="229"/>
      <c r="J23" s="229"/>
      <c r="K23" s="229"/>
      <c r="L23" s="229"/>
      <c r="M23" s="229"/>
      <c r="N23" s="229"/>
      <c r="O23" s="229"/>
      <c r="P23" s="229"/>
      <c r="Q23" s="229"/>
      <c r="R23" s="229"/>
      <c r="S23" s="230"/>
      <c r="T23" s="26"/>
      <c r="U23" s="26"/>
    </row>
    <row r="24" spans="1:21">
      <c r="B24" s="27" t="s">
        <v>204</v>
      </c>
      <c r="C24" s="22"/>
      <c r="D24" s="22"/>
      <c r="E24" s="22"/>
      <c r="F24" s="22"/>
      <c r="G24" s="22"/>
      <c r="H24" s="22"/>
      <c r="I24" s="22"/>
      <c r="J24" s="22"/>
      <c r="K24" s="22"/>
      <c r="L24" s="22"/>
      <c r="M24" s="22"/>
      <c r="N24" s="22"/>
      <c r="O24" s="22"/>
      <c r="P24" s="22"/>
      <c r="Q24" s="22"/>
      <c r="R24" s="26"/>
      <c r="S24" s="28"/>
    </row>
    <row r="25" spans="1:21" ht="82.5" customHeight="1">
      <c r="B25" s="231" t="s">
        <v>278</v>
      </c>
      <c r="C25" s="232"/>
      <c r="D25" s="232"/>
      <c r="E25" s="232"/>
      <c r="F25" s="232"/>
      <c r="G25" s="232"/>
      <c r="H25" s="232"/>
      <c r="I25" s="232"/>
      <c r="J25" s="232"/>
      <c r="K25" s="232"/>
      <c r="L25" s="232"/>
      <c r="M25" s="232"/>
      <c r="N25" s="232"/>
      <c r="O25" s="232"/>
      <c r="P25" s="232"/>
      <c r="Q25" s="232"/>
      <c r="R25" s="232"/>
      <c r="S25" s="233"/>
      <c r="T25" s="26"/>
    </row>
    <row r="26" spans="1:21" ht="11.25" customHeight="1">
      <c r="B26" s="29"/>
      <c r="C26" s="29"/>
      <c r="D26" s="29"/>
      <c r="E26" s="29"/>
      <c r="F26" s="29"/>
      <c r="G26" s="29"/>
      <c r="H26" s="29"/>
      <c r="I26" s="29"/>
      <c r="J26" s="29"/>
      <c r="K26" s="29"/>
      <c r="L26" s="29"/>
      <c r="M26" s="29"/>
      <c r="N26" s="29"/>
      <c r="O26" s="29"/>
      <c r="P26" s="29"/>
      <c r="Q26" s="29"/>
      <c r="R26" s="29"/>
      <c r="S26" s="29"/>
      <c r="T26" s="26"/>
    </row>
  </sheetData>
  <mergeCells count="15">
    <mergeCell ref="B23:S23"/>
    <mergeCell ref="B25:S25"/>
    <mergeCell ref="B2:T2"/>
    <mergeCell ref="C8:T8"/>
    <mergeCell ref="C12:J12"/>
    <mergeCell ref="K12:Q12"/>
    <mergeCell ref="C13:J13"/>
    <mergeCell ref="C14:J14"/>
    <mergeCell ref="C21:T21"/>
    <mergeCell ref="C15:J15"/>
    <mergeCell ref="C16:J16"/>
    <mergeCell ref="K13:Q13"/>
    <mergeCell ref="K14:Q14"/>
    <mergeCell ref="K15:Q15"/>
    <mergeCell ref="K16:Q16"/>
  </mergeCells>
  <phoneticPr fontId="3"/>
  <printOptions horizontalCentered="1"/>
  <pageMargins left="0.70866141732283472" right="0.70866141732283472" top="0.74803149606299213" bottom="0.74803149606299213" header="0.31496062992125984" footer="0.31496062992125984"/>
  <pageSetup paperSize="9" scale="96" orientation="portrait" r:id="rId1"/>
  <colBreaks count="1" manualBreakCount="1">
    <brk id="20" max="1048575"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137ABF4-57D5-45F3-A063-FE10BDDD80B9}">
  <sheetPr>
    <pageSetUpPr fitToPage="1"/>
  </sheetPr>
  <dimension ref="A1:X31"/>
  <sheetViews>
    <sheetView showGridLines="0" view="pageBreakPreview" zoomScale="80" zoomScaleNormal="100" zoomScaleSheetLayoutView="80" workbookViewId="0">
      <selection activeCell="W21" sqref="W21"/>
    </sheetView>
  </sheetViews>
  <sheetFormatPr defaultRowHeight="13.5"/>
  <cols>
    <col min="1" max="3" width="5.25" style="4" customWidth="1"/>
    <col min="4" max="4" width="3.75" style="4" customWidth="1"/>
    <col min="5" max="5" width="4.625" style="4" customWidth="1"/>
    <col min="6" max="6" width="4.5" style="4" customWidth="1"/>
    <col min="7" max="7" width="4.625" style="4" customWidth="1"/>
    <col min="8" max="8" width="3.5" style="4" customWidth="1"/>
    <col min="9" max="9" width="4.625" style="4" customWidth="1"/>
    <col min="10" max="10" width="3.5" style="4" customWidth="1"/>
    <col min="11" max="11" width="4.625" style="4" customWidth="1"/>
    <col min="12" max="12" width="6.875" style="4" customWidth="1"/>
    <col min="13" max="13" width="4.625" style="4" customWidth="1"/>
    <col min="14" max="14" width="4.75" style="4" customWidth="1"/>
    <col min="15" max="15" width="4.625" style="4" customWidth="1"/>
    <col min="16" max="16" width="4.5" style="4" customWidth="1"/>
    <col min="17" max="17" width="4.625" style="4" customWidth="1"/>
    <col min="18" max="18" width="3.5" style="4" customWidth="1"/>
    <col min="19" max="19" width="4.625" style="4" customWidth="1"/>
    <col min="20" max="20" width="4.125" style="4" customWidth="1"/>
    <col min="21" max="21" width="5.125" style="4" customWidth="1"/>
    <col min="22" max="23" width="2.625" style="4" customWidth="1"/>
    <col min="24" max="24" width="5" style="4" customWidth="1"/>
    <col min="25" max="258" width="8.75" style="4"/>
    <col min="259" max="272" width="5.25" style="4" customWidth="1"/>
    <col min="273" max="273" width="12.75" style="4" customWidth="1"/>
    <col min="274" max="274" width="2.75" style="4" customWidth="1"/>
    <col min="275" max="276" width="5.25" style="4" customWidth="1"/>
    <col min="277" max="514" width="8.75" style="4"/>
    <col min="515" max="528" width="5.25" style="4" customWidth="1"/>
    <col min="529" max="529" width="12.75" style="4" customWidth="1"/>
    <col min="530" max="530" width="2.75" style="4" customWidth="1"/>
    <col min="531" max="532" width="5.25" style="4" customWidth="1"/>
    <col min="533" max="770" width="8.75" style="4"/>
    <col min="771" max="784" width="5.25" style="4" customWidth="1"/>
    <col min="785" max="785" width="12.75" style="4" customWidth="1"/>
    <col min="786" max="786" width="2.75" style="4" customWidth="1"/>
    <col min="787" max="788" width="5.25" style="4" customWidth="1"/>
    <col min="789" max="1026" width="8.75" style="4"/>
    <col min="1027" max="1040" width="5.25" style="4" customWidth="1"/>
    <col min="1041" max="1041" width="12.75" style="4" customWidth="1"/>
    <col min="1042" max="1042" width="2.75" style="4" customWidth="1"/>
    <col min="1043" max="1044" width="5.25" style="4" customWidth="1"/>
    <col min="1045" max="1282" width="8.75" style="4"/>
    <col min="1283" max="1296" width="5.25" style="4" customWidth="1"/>
    <col min="1297" max="1297" width="12.75" style="4" customWidth="1"/>
    <col min="1298" max="1298" width="2.75" style="4" customWidth="1"/>
    <col min="1299" max="1300" width="5.25" style="4" customWidth="1"/>
    <col min="1301" max="1538" width="8.75" style="4"/>
    <col min="1539" max="1552" width="5.25" style="4" customWidth="1"/>
    <col min="1553" max="1553" width="12.75" style="4" customWidth="1"/>
    <col min="1554" max="1554" width="2.75" style="4" customWidth="1"/>
    <col min="1555" max="1556" width="5.25" style="4" customWidth="1"/>
    <col min="1557" max="1794" width="8.75" style="4"/>
    <col min="1795" max="1808" width="5.25" style="4" customWidth="1"/>
    <col min="1809" max="1809" width="12.75" style="4" customWidth="1"/>
    <col min="1810" max="1810" width="2.75" style="4" customWidth="1"/>
    <col min="1811" max="1812" width="5.25" style="4" customWidth="1"/>
    <col min="1813" max="2050" width="8.75" style="4"/>
    <col min="2051" max="2064" width="5.25" style="4" customWidth="1"/>
    <col min="2065" max="2065" width="12.75" style="4" customWidth="1"/>
    <col min="2066" max="2066" width="2.75" style="4" customWidth="1"/>
    <col min="2067" max="2068" width="5.25" style="4" customWidth="1"/>
    <col min="2069" max="2306" width="8.75" style="4"/>
    <col min="2307" max="2320" width="5.25" style="4" customWidth="1"/>
    <col min="2321" max="2321" width="12.75" style="4" customWidth="1"/>
    <col min="2322" max="2322" width="2.75" style="4" customWidth="1"/>
    <col min="2323" max="2324" width="5.25" style="4" customWidth="1"/>
    <col min="2325" max="2562" width="8.75" style="4"/>
    <col min="2563" max="2576" width="5.25" style="4" customWidth="1"/>
    <col min="2577" max="2577" width="12.75" style="4" customWidth="1"/>
    <col min="2578" max="2578" width="2.75" style="4" customWidth="1"/>
    <col min="2579" max="2580" width="5.25" style="4" customWidth="1"/>
    <col min="2581" max="2818" width="8.75" style="4"/>
    <col min="2819" max="2832" width="5.25" style="4" customWidth="1"/>
    <col min="2833" max="2833" width="12.75" style="4" customWidth="1"/>
    <col min="2834" max="2834" width="2.75" style="4" customWidth="1"/>
    <col min="2835" max="2836" width="5.25" style="4" customWidth="1"/>
    <col min="2837" max="3074" width="8.75" style="4"/>
    <col min="3075" max="3088" width="5.25" style="4" customWidth="1"/>
    <col min="3089" max="3089" width="12.75" style="4" customWidth="1"/>
    <col min="3090" max="3090" width="2.75" style="4" customWidth="1"/>
    <col min="3091" max="3092" width="5.25" style="4" customWidth="1"/>
    <col min="3093" max="3330" width="8.75" style="4"/>
    <col min="3331" max="3344" width="5.25" style="4" customWidth="1"/>
    <col min="3345" max="3345" width="12.75" style="4" customWidth="1"/>
    <col min="3346" max="3346" width="2.75" style="4" customWidth="1"/>
    <col min="3347" max="3348" width="5.25" style="4" customWidth="1"/>
    <col min="3349" max="3586" width="8.75" style="4"/>
    <col min="3587" max="3600" width="5.25" style="4" customWidth="1"/>
    <col min="3601" max="3601" width="12.75" style="4" customWidth="1"/>
    <col min="3602" max="3602" width="2.75" style="4" customWidth="1"/>
    <col min="3603" max="3604" width="5.25" style="4" customWidth="1"/>
    <col min="3605" max="3842" width="8.75" style="4"/>
    <col min="3843" max="3856" width="5.25" style="4" customWidth="1"/>
    <col min="3857" max="3857" width="12.75" style="4" customWidth="1"/>
    <col min="3858" max="3858" width="2.75" style="4" customWidth="1"/>
    <col min="3859" max="3860" width="5.25" style="4" customWidth="1"/>
    <col min="3861" max="4098" width="8.75" style="4"/>
    <col min="4099" max="4112" width="5.25" style="4" customWidth="1"/>
    <col min="4113" max="4113" width="12.75" style="4" customWidth="1"/>
    <col min="4114" max="4114" width="2.75" style="4" customWidth="1"/>
    <col min="4115" max="4116" width="5.25" style="4" customWidth="1"/>
    <col min="4117" max="4354" width="8.75" style="4"/>
    <col min="4355" max="4368" width="5.25" style="4" customWidth="1"/>
    <col min="4369" max="4369" width="12.75" style="4" customWidth="1"/>
    <col min="4370" max="4370" width="2.75" style="4" customWidth="1"/>
    <col min="4371" max="4372" width="5.25" style="4" customWidth="1"/>
    <col min="4373" max="4610" width="8.75" style="4"/>
    <col min="4611" max="4624" width="5.25" style="4" customWidth="1"/>
    <col min="4625" max="4625" width="12.75" style="4" customWidth="1"/>
    <col min="4626" max="4626" width="2.75" style="4" customWidth="1"/>
    <col min="4627" max="4628" width="5.25" style="4" customWidth="1"/>
    <col min="4629" max="4866" width="8.75" style="4"/>
    <col min="4867" max="4880" width="5.25" style="4" customWidth="1"/>
    <col min="4881" max="4881" width="12.75" style="4" customWidth="1"/>
    <col min="4882" max="4882" width="2.75" style="4" customWidth="1"/>
    <col min="4883" max="4884" width="5.25" style="4" customWidth="1"/>
    <col min="4885" max="5122" width="8.75" style="4"/>
    <col min="5123" max="5136" width="5.25" style="4" customWidth="1"/>
    <col min="5137" max="5137" width="12.75" style="4" customWidth="1"/>
    <col min="5138" max="5138" width="2.75" style="4" customWidth="1"/>
    <col min="5139" max="5140" width="5.25" style="4" customWidth="1"/>
    <col min="5141" max="5378" width="8.75" style="4"/>
    <col min="5379" max="5392" width="5.25" style="4" customWidth="1"/>
    <col min="5393" max="5393" width="12.75" style="4" customWidth="1"/>
    <col min="5394" max="5394" width="2.75" style="4" customWidth="1"/>
    <col min="5395" max="5396" width="5.25" style="4" customWidth="1"/>
    <col min="5397" max="5634" width="8.75" style="4"/>
    <col min="5635" max="5648" width="5.25" style="4" customWidth="1"/>
    <col min="5649" max="5649" width="12.75" style="4" customWidth="1"/>
    <col min="5650" max="5650" width="2.75" style="4" customWidth="1"/>
    <col min="5651" max="5652" width="5.25" style="4" customWidth="1"/>
    <col min="5653" max="5890" width="8.75" style="4"/>
    <col min="5891" max="5904" width="5.25" style="4" customWidth="1"/>
    <col min="5905" max="5905" width="12.75" style="4" customWidth="1"/>
    <col min="5906" max="5906" width="2.75" style="4" customWidth="1"/>
    <col min="5907" max="5908" width="5.25" style="4" customWidth="1"/>
    <col min="5909" max="6146" width="8.75" style="4"/>
    <col min="6147" max="6160" width="5.25" style="4" customWidth="1"/>
    <col min="6161" max="6161" width="12.75" style="4" customWidth="1"/>
    <col min="6162" max="6162" width="2.75" style="4" customWidth="1"/>
    <col min="6163" max="6164" width="5.25" style="4" customWidth="1"/>
    <col min="6165" max="6402" width="8.75" style="4"/>
    <col min="6403" max="6416" width="5.25" style="4" customWidth="1"/>
    <col min="6417" max="6417" width="12.75" style="4" customWidth="1"/>
    <col min="6418" max="6418" width="2.75" style="4" customWidth="1"/>
    <col min="6419" max="6420" width="5.25" style="4" customWidth="1"/>
    <col min="6421" max="6658" width="8.75" style="4"/>
    <col min="6659" max="6672" width="5.25" style="4" customWidth="1"/>
    <col min="6673" max="6673" width="12.75" style="4" customWidth="1"/>
    <col min="6674" max="6674" width="2.75" style="4" customWidth="1"/>
    <col min="6675" max="6676" width="5.25" style="4" customWidth="1"/>
    <col min="6677" max="6914" width="8.75" style="4"/>
    <col min="6915" max="6928" width="5.25" style="4" customWidth="1"/>
    <col min="6929" max="6929" width="12.75" style="4" customWidth="1"/>
    <col min="6930" max="6930" width="2.75" style="4" customWidth="1"/>
    <col min="6931" max="6932" width="5.25" style="4" customWidth="1"/>
    <col min="6933" max="7170" width="8.75" style="4"/>
    <col min="7171" max="7184" width="5.25" style="4" customWidth="1"/>
    <col min="7185" max="7185" width="12.75" style="4" customWidth="1"/>
    <col min="7186" max="7186" width="2.75" style="4" customWidth="1"/>
    <col min="7187" max="7188" width="5.25" style="4" customWidth="1"/>
    <col min="7189" max="7426" width="8.75" style="4"/>
    <col min="7427" max="7440" width="5.25" style="4" customWidth="1"/>
    <col min="7441" max="7441" width="12.75" style="4" customWidth="1"/>
    <col min="7442" max="7442" width="2.75" style="4" customWidth="1"/>
    <col min="7443" max="7444" width="5.25" style="4" customWidth="1"/>
    <col min="7445" max="7682" width="8.75" style="4"/>
    <col min="7683" max="7696" width="5.25" style="4" customWidth="1"/>
    <col min="7697" max="7697" width="12.75" style="4" customWidth="1"/>
    <col min="7698" max="7698" width="2.75" style="4" customWidth="1"/>
    <col min="7699" max="7700" width="5.25" style="4" customWidth="1"/>
    <col min="7701" max="7938" width="8.75" style="4"/>
    <col min="7939" max="7952" width="5.25" style="4" customWidth="1"/>
    <col min="7953" max="7953" width="12.75" style="4" customWidth="1"/>
    <col min="7954" max="7954" width="2.75" style="4" customWidth="1"/>
    <col min="7955" max="7956" width="5.25" style="4" customWidth="1"/>
    <col min="7957" max="8194" width="8.75" style="4"/>
    <col min="8195" max="8208" width="5.25" style="4" customWidth="1"/>
    <col min="8209" max="8209" width="12.75" style="4" customWidth="1"/>
    <col min="8210" max="8210" width="2.75" style="4" customWidth="1"/>
    <col min="8211" max="8212" width="5.25" style="4" customWidth="1"/>
    <col min="8213" max="8450" width="8.75" style="4"/>
    <col min="8451" max="8464" width="5.25" style="4" customWidth="1"/>
    <col min="8465" max="8465" width="12.75" style="4" customWidth="1"/>
    <col min="8466" max="8466" width="2.75" style="4" customWidth="1"/>
    <col min="8467" max="8468" width="5.25" style="4" customWidth="1"/>
    <col min="8469" max="8706" width="8.75" style="4"/>
    <col min="8707" max="8720" width="5.25" style="4" customWidth="1"/>
    <col min="8721" max="8721" width="12.75" style="4" customWidth="1"/>
    <col min="8722" max="8722" width="2.75" style="4" customWidth="1"/>
    <col min="8723" max="8724" width="5.25" style="4" customWidth="1"/>
    <col min="8725" max="8962" width="8.75" style="4"/>
    <col min="8963" max="8976" width="5.25" style="4" customWidth="1"/>
    <col min="8977" max="8977" width="12.75" style="4" customWidth="1"/>
    <col min="8978" max="8978" width="2.75" style="4" customWidth="1"/>
    <col min="8979" max="8980" width="5.25" style="4" customWidth="1"/>
    <col min="8981" max="9218" width="8.75" style="4"/>
    <col min="9219" max="9232" width="5.25" style="4" customWidth="1"/>
    <col min="9233" max="9233" width="12.75" style="4" customWidth="1"/>
    <col min="9234" max="9234" width="2.75" style="4" customWidth="1"/>
    <col min="9235" max="9236" width="5.25" style="4" customWidth="1"/>
    <col min="9237" max="9474" width="8.75" style="4"/>
    <col min="9475" max="9488" width="5.25" style="4" customWidth="1"/>
    <col min="9489" max="9489" width="12.75" style="4" customWidth="1"/>
    <col min="9490" max="9490" width="2.75" style="4" customWidth="1"/>
    <col min="9491" max="9492" width="5.25" style="4" customWidth="1"/>
    <col min="9493" max="9730" width="8.75" style="4"/>
    <col min="9731" max="9744" width="5.25" style="4" customWidth="1"/>
    <col min="9745" max="9745" width="12.75" style="4" customWidth="1"/>
    <col min="9746" max="9746" width="2.75" style="4" customWidth="1"/>
    <col min="9747" max="9748" width="5.25" style="4" customWidth="1"/>
    <col min="9749" max="9986" width="8.75" style="4"/>
    <col min="9987" max="10000" width="5.25" style="4" customWidth="1"/>
    <col min="10001" max="10001" width="12.75" style="4" customWidth="1"/>
    <col min="10002" max="10002" width="2.75" style="4" customWidth="1"/>
    <col min="10003" max="10004" width="5.25" style="4" customWidth="1"/>
    <col min="10005" max="10242" width="8.75" style="4"/>
    <col min="10243" max="10256" width="5.25" style="4" customWidth="1"/>
    <col min="10257" max="10257" width="12.75" style="4" customWidth="1"/>
    <col min="10258" max="10258" width="2.75" style="4" customWidth="1"/>
    <col min="10259" max="10260" width="5.25" style="4" customWidth="1"/>
    <col min="10261" max="10498" width="8.75" style="4"/>
    <col min="10499" max="10512" width="5.25" style="4" customWidth="1"/>
    <col min="10513" max="10513" width="12.75" style="4" customWidth="1"/>
    <col min="10514" max="10514" width="2.75" style="4" customWidth="1"/>
    <col min="10515" max="10516" width="5.25" style="4" customWidth="1"/>
    <col min="10517" max="10754" width="8.75" style="4"/>
    <col min="10755" max="10768" width="5.25" style="4" customWidth="1"/>
    <col min="10769" max="10769" width="12.75" style="4" customWidth="1"/>
    <col min="10770" max="10770" width="2.75" style="4" customWidth="1"/>
    <col min="10771" max="10772" width="5.25" style="4" customWidth="1"/>
    <col min="10773" max="11010" width="8.75" style="4"/>
    <col min="11011" max="11024" width="5.25" style="4" customWidth="1"/>
    <col min="11025" max="11025" width="12.75" style="4" customWidth="1"/>
    <col min="11026" max="11026" width="2.75" style="4" customWidth="1"/>
    <col min="11027" max="11028" width="5.25" style="4" customWidth="1"/>
    <col min="11029" max="11266" width="8.75" style="4"/>
    <col min="11267" max="11280" width="5.25" style="4" customWidth="1"/>
    <col min="11281" max="11281" width="12.75" style="4" customWidth="1"/>
    <col min="11282" max="11282" width="2.75" style="4" customWidth="1"/>
    <col min="11283" max="11284" width="5.25" style="4" customWidth="1"/>
    <col min="11285" max="11522" width="8.75" style="4"/>
    <col min="11523" max="11536" width="5.25" style="4" customWidth="1"/>
    <col min="11537" max="11537" width="12.75" style="4" customWidth="1"/>
    <col min="11538" max="11538" width="2.75" style="4" customWidth="1"/>
    <col min="11539" max="11540" width="5.25" style="4" customWidth="1"/>
    <col min="11541" max="11778" width="8.75" style="4"/>
    <col min="11779" max="11792" width="5.25" style="4" customWidth="1"/>
    <col min="11793" max="11793" width="12.75" style="4" customWidth="1"/>
    <col min="11794" max="11794" width="2.75" style="4" customWidth="1"/>
    <col min="11795" max="11796" width="5.25" style="4" customWidth="1"/>
    <col min="11797" max="12034" width="8.75" style="4"/>
    <col min="12035" max="12048" width="5.25" style="4" customWidth="1"/>
    <col min="12049" max="12049" width="12.75" style="4" customWidth="1"/>
    <col min="12050" max="12050" width="2.75" style="4" customWidth="1"/>
    <col min="12051" max="12052" width="5.25" style="4" customWidth="1"/>
    <col min="12053" max="12290" width="8.75" style="4"/>
    <col min="12291" max="12304" width="5.25" style="4" customWidth="1"/>
    <col min="12305" max="12305" width="12.75" style="4" customWidth="1"/>
    <col min="12306" max="12306" width="2.75" style="4" customWidth="1"/>
    <col min="12307" max="12308" width="5.25" style="4" customWidth="1"/>
    <col min="12309" max="12546" width="8.75" style="4"/>
    <col min="12547" max="12560" width="5.25" style="4" customWidth="1"/>
    <col min="12561" max="12561" width="12.75" style="4" customWidth="1"/>
    <col min="12562" max="12562" width="2.75" style="4" customWidth="1"/>
    <col min="12563" max="12564" width="5.25" style="4" customWidth="1"/>
    <col min="12565" max="12802" width="8.75" style="4"/>
    <col min="12803" max="12816" width="5.25" style="4" customWidth="1"/>
    <col min="12817" max="12817" width="12.75" style="4" customWidth="1"/>
    <col min="12818" max="12818" width="2.75" style="4" customWidth="1"/>
    <col min="12819" max="12820" width="5.25" style="4" customWidth="1"/>
    <col min="12821" max="13058" width="8.75" style="4"/>
    <col min="13059" max="13072" width="5.25" style="4" customWidth="1"/>
    <col min="13073" max="13073" width="12.75" style="4" customWidth="1"/>
    <col min="13074" max="13074" width="2.75" style="4" customWidth="1"/>
    <col min="13075" max="13076" width="5.25" style="4" customWidth="1"/>
    <col min="13077" max="13314" width="8.75" style="4"/>
    <col min="13315" max="13328" width="5.25" style="4" customWidth="1"/>
    <col min="13329" max="13329" width="12.75" style="4" customWidth="1"/>
    <col min="13330" max="13330" width="2.75" style="4" customWidth="1"/>
    <col min="13331" max="13332" width="5.25" style="4" customWidth="1"/>
    <col min="13333" max="13570" width="8.75" style="4"/>
    <col min="13571" max="13584" width="5.25" style="4" customWidth="1"/>
    <col min="13585" max="13585" width="12.75" style="4" customWidth="1"/>
    <col min="13586" max="13586" width="2.75" style="4" customWidth="1"/>
    <col min="13587" max="13588" width="5.25" style="4" customWidth="1"/>
    <col min="13589" max="13826" width="8.75" style="4"/>
    <col min="13827" max="13840" width="5.25" style="4" customWidth="1"/>
    <col min="13841" max="13841" width="12.75" style="4" customWidth="1"/>
    <col min="13842" max="13842" width="2.75" style="4" customWidth="1"/>
    <col min="13843" max="13844" width="5.25" style="4" customWidth="1"/>
    <col min="13845" max="14082" width="8.75" style="4"/>
    <col min="14083" max="14096" width="5.25" style="4" customWidth="1"/>
    <col min="14097" max="14097" width="12.75" style="4" customWidth="1"/>
    <col min="14098" max="14098" width="2.75" style="4" customWidth="1"/>
    <col min="14099" max="14100" width="5.25" style="4" customWidth="1"/>
    <col min="14101" max="14338" width="8.75" style="4"/>
    <col min="14339" max="14352" width="5.25" style="4" customWidth="1"/>
    <col min="14353" max="14353" width="12.75" style="4" customWidth="1"/>
    <col min="14354" max="14354" width="2.75" style="4" customWidth="1"/>
    <col min="14355" max="14356" width="5.25" style="4" customWidth="1"/>
    <col min="14357" max="14594" width="8.75" style="4"/>
    <col min="14595" max="14608" width="5.25" style="4" customWidth="1"/>
    <col min="14609" max="14609" width="12.75" style="4" customWidth="1"/>
    <col min="14610" max="14610" width="2.75" style="4" customWidth="1"/>
    <col min="14611" max="14612" width="5.25" style="4" customWidth="1"/>
    <col min="14613" max="14850" width="8.75" style="4"/>
    <col min="14851" max="14864" width="5.25" style="4" customWidth="1"/>
    <col min="14865" max="14865" width="12.75" style="4" customWidth="1"/>
    <col min="14866" max="14866" width="2.75" style="4" customWidth="1"/>
    <col min="14867" max="14868" width="5.25" style="4" customWidth="1"/>
    <col min="14869" max="15106" width="8.75" style="4"/>
    <col min="15107" max="15120" width="5.25" style="4" customWidth="1"/>
    <col min="15121" max="15121" width="12.75" style="4" customWidth="1"/>
    <col min="15122" max="15122" width="2.75" style="4" customWidth="1"/>
    <col min="15123" max="15124" width="5.25" style="4" customWidth="1"/>
    <col min="15125" max="15362" width="8.75" style="4"/>
    <col min="15363" max="15376" width="5.25" style="4" customWidth="1"/>
    <col min="15377" max="15377" width="12.75" style="4" customWidth="1"/>
    <col min="15378" max="15378" width="2.75" style="4" customWidth="1"/>
    <col min="15379" max="15380" width="5.25" style="4" customWidth="1"/>
    <col min="15381" max="15618" width="8.75" style="4"/>
    <col min="15619" max="15632" width="5.25" style="4" customWidth="1"/>
    <col min="15633" max="15633" width="12.75" style="4" customWidth="1"/>
    <col min="15634" max="15634" width="2.75" style="4" customWidth="1"/>
    <col min="15635" max="15636" width="5.25" style="4" customWidth="1"/>
    <col min="15637" max="15874" width="8.75" style="4"/>
    <col min="15875" max="15888" width="5.25" style="4" customWidth="1"/>
    <col min="15889" max="15889" width="12.75" style="4" customWidth="1"/>
    <col min="15890" max="15890" width="2.75" style="4" customWidth="1"/>
    <col min="15891" max="15892" width="5.25" style="4" customWidth="1"/>
    <col min="15893" max="16130" width="8.75" style="4"/>
    <col min="16131" max="16144" width="5.25" style="4" customWidth="1"/>
    <col min="16145" max="16145" width="12.75" style="4" customWidth="1"/>
    <col min="16146" max="16146" width="2.75" style="4" customWidth="1"/>
    <col min="16147" max="16148" width="5.25" style="4" customWidth="1"/>
    <col min="16149" max="16384" width="8.75" style="4"/>
  </cols>
  <sheetData>
    <row r="1" spans="1:24">
      <c r="U1" s="4" t="s">
        <v>78</v>
      </c>
    </row>
    <row r="4" spans="1:24" ht="39" customHeight="1">
      <c r="A4" s="249" t="s">
        <v>79</v>
      </c>
      <c r="B4" s="249"/>
      <c r="C4" s="249"/>
      <c r="D4" s="249"/>
      <c r="E4" s="249"/>
      <c r="F4" s="249"/>
      <c r="G4" s="249"/>
      <c r="H4" s="249"/>
      <c r="I4" s="249"/>
      <c r="J4" s="249"/>
      <c r="K4" s="249"/>
      <c r="L4" s="249"/>
      <c r="M4" s="249"/>
      <c r="N4" s="249"/>
      <c r="O4" s="249"/>
      <c r="P4" s="249"/>
      <c r="Q4" s="249"/>
      <c r="R4" s="249"/>
      <c r="S4" s="249"/>
      <c r="T4" s="249"/>
      <c r="U4" s="249"/>
      <c r="V4" s="249"/>
      <c r="W4" s="249"/>
      <c r="X4" s="249"/>
    </row>
    <row r="5" spans="1:24" ht="18.75">
      <c r="F5" s="8"/>
    </row>
    <row r="6" spans="1:24" ht="17.45" customHeight="1">
      <c r="P6" s="71" t="s">
        <v>183</v>
      </c>
      <c r="S6" s="4" t="s">
        <v>1</v>
      </c>
      <c r="U6" s="49" t="s">
        <v>177</v>
      </c>
      <c r="V6" s="250"/>
      <c r="W6" s="250"/>
      <c r="X6" s="4" t="s">
        <v>3</v>
      </c>
    </row>
    <row r="8" spans="1:24">
      <c r="A8" s="4" t="s">
        <v>80</v>
      </c>
    </row>
    <row r="10" spans="1:24" ht="17.100000000000001" customHeight="1">
      <c r="M10" s="4" t="s">
        <v>81</v>
      </c>
      <c r="Q10" s="263"/>
      <c r="R10" s="263"/>
      <c r="S10" s="263"/>
      <c r="T10" s="263"/>
      <c r="U10" s="263"/>
      <c r="V10" s="263"/>
      <c r="W10" s="263"/>
      <c r="X10" s="263"/>
    </row>
    <row r="11" spans="1:24" ht="17.100000000000001" customHeight="1">
      <c r="M11" s="4" t="s">
        <v>82</v>
      </c>
      <c r="Q11" s="263"/>
      <c r="R11" s="263"/>
      <c r="S11" s="263"/>
      <c r="T11" s="263"/>
      <c r="U11" s="263"/>
      <c r="V11" s="263"/>
      <c r="W11" s="263"/>
      <c r="X11" s="263"/>
    </row>
    <row r="13" spans="1:24" ht="17.100000000000001" customHeight="1">
      <c r="M13" s="4" t="s">
        <v>83</v>
      </c>
      <c r="Q13" s="263"/>
      <c r="R13" s="263"/>
      <c r="S13" s="263"/>
      <c r="T13" s="263"/>
      <c r="U13" s="263"/>
      <c r="V13" s="263"/>
      <c r="W13" s="263"/>
      <c r="X13" s="4" t="s">
        <v>178</v>
      </c>
    </row>
    <row r="16" spans="1:24">
      <c r="M16" s="4" t="s">
        <v>84</v>
      </c>
      <c r="Q16" s="263"/>
      <c r="R16" s="263"/>
      <c r="S16" s="263"/>
      <c r="T16" s="263"/>
      <c r="U16" s="263"/>
      <c r="V16" s="263"/>
      <c r="W16" s="263"/>
      <c r="X16" s="263"/>
    </row>
    <row r="18" spans="1:24">
      <c r="A18" s="4" t="s">
        <v>85</v>
      </c>
    </row>
    <row r="20" spans="1:24" ht="21" customHeight="1">
      <c r="A20" s="269" t="s">
        <v>86</v>
      </c>
      <c r="B20" s="270"/>
      <c r="C20" s="270"/>
      <c r="D20" s="270"/>
      <c r="E20" s="266"/>
      <c r="F20" s="267"/>
      <c r="G20" s="267"/>
      <c r="H20" s="267"/>
      <c r="I20" s="267"/>
      <c r="J20" s="267"/>
      <c r="K20" s="267"/>
      <c r="L20" s="267"/>
      <c r="M20" s="267"/>
      <c r="N20" s="267"/>
      <c r="O20" s="267"/>
      <c r="P20" s="267"/>
      <c r="Q20" s="267"/>
      <c r="R20" s="267"/>
      <c r="S20" s="267"/>
      <c r="T20" s="267"/>
      <c r="U20" s="267"/>
      <c r="V20" s="267"/>
      <c r="W20" s="267"/>
      <c r="X20" s="268"/>
    </row>
    <row r="21" spans="1:24" ht="19.5" customHeight="1">
      <c r="A21" s="246" t="s">
        <v>87</v>
      </c>
      <c r="B21" s="247"/>
      <c r="C21" s="247"/>
      <c r="D21" s="247"/>
      <c r="E21" s="260"/>
      <c r="F21" s="261"/>
      <c r="G21" s="261"/>
      <c r="H21" s="261"/>
      <c r="I21" s="261"/>
      <c r="J21" s="261"/>
      <c r="K21" s="261"/>
      <c r="L21" s="261"/>
      <c r="M21" s="261"/>
      <c r="N21" s="261"/>
      <c r="O21" s="2" t="s">
        <v>7</v>
      </c>
      <c r="P21" s="65" t="s">
        <v>166</v>
      </c>
      <c r="Q21" s="49"/>
      <c r="X21" s="41"/>
    </row>
    <row r="22" spans="1:24" ht="19.5" customHeight="1">
      <c r="A22" s="242"/>
      <c r="B22" s="243"/>
      <c r="C22" s="243"/>
      <c r="D22" s="243"/>
      <c r="E22" s="262"/>
      <c r="F22" s="263"/>
      <c r="G22" s="263"/>
      <c r="H22" s="263"/>
      <c r="I22" s="263"/>
      <c r="J22" s="263"/>
      <c r="K22" s="263"/>
      <c r="L22" s="263"/>
      <c r="M22" s="263"/>
      <c r="N22" s="263"/>
      <c r="O22" s="65"/>
      <c r="S22" s="4" t="s">
        <v>162</v>
      </c>
      <c r="T22" s="49"/>
      <c r="U22" s="49" t="s">
        <v>176</v>
      </c>
      <c r="V22" s="243"/>
      <c r="W22" s="243"/>
      <c r="X22" s="72" t="s">
        <v>173</v>
      </c>
    </row>
    <row r="23" spans="1:24" ht="19.5" customHeight="1">
      <c r="A23" s="244"/>
      <c r="B23" s="245"/>
      <c r="C23" s="245"/>
      <c r="D23" s="245"/>
      <c r="E23" s="264"/>
      <c r="F23" s="265"/>
      <c r="G23" s="265"/>
      <c r="H23" s="265"/>
      <c r="I23" s="265"/>
      <c r="J23" s="265"/>
      <c r="K23" s="265"/>
      <c r="L23" s="265"/>
      <c r="M23" s="265"/>
      <c r="N23" s="265"/>
      <c r="O23" s="3" t="s">
        <v>7</v>
      </c>
      <c r="P23" s="43" t="s">
        <v>172</v>
      </c>
      <c r="Q23" s="63"/>
      <c r="R23" s="43"/>
      <c r="S23" s="43"/>
      <c r="T23" s="43"/>
      <c r="U23" s="43"/>
      <c r="V23" s="43"/>
      <c r="W23" s="43"/>
      <c r="X23" s="44"/>
    </row>
    <row r="24" spans="1:24" ht="19.5" customHeight="1">
      <c r="A24" s="240" t="s">
        <v>88</v>
      </c>
      <c r="B24" s="241"/>
      <c r="C24" s="241"/>
      <c r="D24" s="241"/>
      <c r="E24" s="69" t="s">
        <v>89</v>
      </c>
      <c r="F24" s="64"/>
      <c r="G24" s="70" t="s">
        <v>165</v>
      </c>
      <c r="H24" s="64"/>
      <c r="I24" s="64"/>
      <c r="J24" s="64"/>
      <c r="K24" s="64"/>
      <c r="L24" s="64"/>
      <c r="M24" s="64"/>
      <c r="N24" s="38"/>
      <c r="O24" s="64"/>
      <c r="R24" s="38"/>
      <c r="S24" s="38"/>
      <c r="T24" s="38"/>
      <c r="U24" s="38"/>
      <c r="V24" s="38"/>
      <c r="W24" s="38"/>
      <c r="X24" s="39"/>
    </row>
    <row r="25" spans="1:24" ht="50.1" customHeight="1">
      <c r="A25" s="244"/>
      <c r="B25" s="245"/>
      <c r="C25" s="245"/>
      <c r="D25" s="245"/>
      <c r="E25" s="251"/>
      <c r="F25" s="252"/>
      <c r="G25" s="252"/>
      <c r="H25" s="252"/>
      <c r="I25" s="252"/>
      <c r="J25" s="252"/>
      <c r="K25" s="252"/>
      <c r="L25" s="252"/>
      <c r="M25" s="252"/>
      <c r="N25" s="252"/>
      <c r="O25" s="252"/>
      <c r="P25" s="252"/>
      <c r="Q25" s="252"/>
      <c r="R25" s="252"/>
      <c r="S25" s="252"/>
      <c r="T25" s="252"/>
      <c r="U25" s="252"/>
      <c r="V25" s="252"/>
      <c r="W25" s="252"/>
      <c r="X25" s="253"/>
    </row>
    <row r="26" spans="1:24" ht="50.1" customHeight="1">
      <c r="A26" s="248" t="s">
        <v>90</v>
      </c>
      <c r="B26" s="239"/>
      <c r="C26" s="239"/>
      <c r="D26" s="239"/>
      <c r="E26" s="254"/>
      <c r="F26" s="255"/>
      <c r="G26" s="255"/>
      <c r="H26" s="255"/>
      <c r="I26" s="255"/>
      <c r="J26" s="255"/>
      <c r="K26" s="255"/>
      <c r="L26" s="255"/>
      <c r="M26" s="255"/>
      <c r="N26" s="255"/>
      <c r="O26" s="255"/>
      <c r="P26" s="255"/>
      <c r="Q26" s="255"/>
      <c r="R26" s="255"/>
      <c r="S26" s="255"/>
      <c r="T26" s="255"/>
      <c r="U26" s="255"/>
      <c r="V26" s="255"/>
      <c r="W26" s="255"/>
      <c r="X26" s="256"/>
    </row>
    <row r="27" spans="1:24" ht="50.1" customHeight="1">
      <c r="A27" s="248" t="s">
        <v>91</v>
      </c>
      <c r="B27" s="239"/>
      <c r="C27" s="239"/>
      <c r="D27" s="239"/>
      <c r="E27" s="257"/>
      <c r="F27" s="258"/>
      <c r="G27" s="258"/>
      <c r="H27" s="258"/>
      <c r="I27" s="258"/>
      <c r="J27" s="258"/>
      <c r="K27" s="258"/>
      <c r="L27" s="258"/>
      <c r="M27" s="258"/>
      <c r="N27" s="258"/>
      <c r="O27" s="258"/>
      <c r="P27" s="258"/>
      <c r="Q27" s="258"/>
      <c r="R27" s="258"/>
      <c r="S27" s="258"/>
      <c r="T27" s="258"/>
      <c r="U27" s="258"/>
      <c r="V27" s="258"/>
      <c r="W27" s="258"/>
      <c r="X27" s="259"/>
    </row>
    <row r="28" spans="1:24" ht="21" customHeight="1">
      <c r="A28" s="240" t="s">
        <v>92</v>
      </c>
      <c r="B28" s="241"/>
      <c r="C28" s="241"/>
      <c r="D28" s="241"/>
      <c r="E28" s="66" t="s">
        <v>7</v>
      </c>
      <c r="F28" s="62" t="s">
        <v>167</v>
      </c>
      <c r="G28" s="62"/>
      <c r="H28" s="62"/>
      <c r="I28" s="62"/>
      <c r="J28" s="62"/>
      <c r="K28" s="62"/>
      <c r="L28" s="62"/>
      <c r="M28" s="68" t="s">
        <v>7</v>
      </c>
      <c r="N28" s="62" t="s">
        <v>166</v>
      </c>
      <c r="O28" s="62"/>
      <c r="P28" s="38"/>
      <c r="Q28" s="38"/>
      <c r="R28" s="38"/>
      <c r="S28" s="38"/>
      <c r="T28" s="38"/>
      <c r="U28" s="38"/>
      <c r="V28" s="38"/>
      <c r="W28" s="38"/>
      <c r="X28" s="39"/>
    </row>
    <row r="29" spans="1:24" ht="21" customHeight="1">
      <c r="A29" s="242"/>
      <c r="B29" s="243"/>
      <c r="C29" s="243"/>
      <c r="D29" s="243"/>
      <c r="E29" s="67" t="s">
        <v>7</v>
      </c>
      <c r="F29" s="65" t="s">
        <v>168</v>
      </c>
      <c r="H29" s="65" t="s">
        <v>1</v>
      </c>
      <c r="J29" s="65" t="s">
        <v>2</v>
      </c>
      <c r="L29" s="65" t="s">
        <v>169</v>
      </c>
      <c r="M29" s="2" t="s">
        <v>7</v>
      </c>
      <c r="N29" s="65" t="s">
        <v>168</v>
      </c>
      <c r="O29" s="65"/>
      <c r="P29" s="4" t="s">
        <v>161</v>
      </c>
      <c r="R29" s="65" t="s">
        <v>2</v>
      </c>
      <c r="T29" s="243" t="s">
        <v>174</v>
      </c>
      <c r="U29" s="243"/>
      <c r="V29" s="243"/>
      <c r="W29" s="243"/>
      <c r="X29" s="41" t="s">
        <v>175</v>
      </c>
    </row>
    <row r="30" spans="1:24" ht="21" customHeight="1">
      <c r="A30" s="244"/>
      <c r="B30" s="245"/>
      <c r="C30" s="245"/>
      <c r="D30" s="245"/>
      <c r="E30" s="67" t="s">
        <v>7</v>
      </c>
      <c r="F30" s="4" t="s">
        <v>171</v>
      </c>
      <c r="M30" s="2" t="s">
        <v>7</v>
      </c>
      <c r="N30" s="4" t="s">
        <v>170</v>
      </c>
      <c r="X30" s="41"/>
    </row>
    <row r="31" spans="1:24" ht="53.1" customHeight="1">
      <c r="A31" s="238" t="s">
        <v>93</v>
      </c>
      <c r="B31" s="239"/>
      <c r="C31" s="239"/>
      <c r="D31" s="239"/>
      <c r="E31" s="61"/>
      <c r="F31" s="59"/>
      <c r="G31" s="59"/>
      <c r="H31" s="59"/>
      <c r="I31" s="59"/>
      <c r="J31" s="59"/>
      <c r="K31" s="59"/>
      <c r="L31" s="271"/>
      <c r="M31" s="271"/>
      <c r="N31" s="271"/>
      <c r="O31" s="59" t="s">
        <v>3</v>
      </c>
      <c r="P31" s="59"/>
      <c r="Q31" s="59"/>
      <c r="R31" s="59"/>
      <c r="S31" s="59"/>
      <c r="T31" s="59"/>
      <c r="U31" s="59"/>
      <c r="V31" s="59"/>
      <c r="W31" s="59"/>
      <c r="X31" s="60"/>
    </row>
  </sheetData>
  <mergeCells count="22">
    <mergeCell ref="L31:N31"/>
    <mergeCell ref="Q10:X10"/>
    <mergeCell ref="Q11:X11"/>
    <mergeCell ref="Q13:W13"/>
    <mergeCell ref="Q16:X16"/>
    <mergeCell ref="A4:X4"/>
    <mergeCell ref="T29:U29"/>
    <mergeCell ref="V22:W22"/>
    <mergeCell ref="V29:W29"/>
    <mergeCell ref="V6:W6"/>
    <mergeCell ref="E25:X25"/>
    <mergeCell ref="E26:X26"/>
    <mergeCell ref="E27:X27"/>
    <mergeCell ref="E21:N23"/>
    <mergeCell ref="E20:X20"/>
    <mergeCell ref="A20:D20"/>
    <mergeCell ref="A31:D31"/>
    <mergeCell ref="A28:D30"/>
    <mergeCell ref="A21:D23"/>
    <mergeCell ref="A26:D26"/>
    <mergeCell ref="A27:D27"/>
    <mergeCell ref="A24:D25"/>
  </mergeCells>
  <phoneticPr fontId="3"/>
  <dataValidations count="1">
    <dataValidation type="list" allowBlank="1" showInputMessage="1" showErrorMessage="1" sqref="E28:E30 M28:M30 O23 O21" xr:uid="{035CA134-146B-4637-BE75-6BBDE5C15BB4}">
      <formula1>"□,■"</formula1>
    </dataValidation>
  </dataValidations>
  <printOptions horizontalCentered="1"/>
  <pageMargins left="0.70866141732283472" right="0.70866141732283472" top="0.74803149606299213" bottom="0.74803149606299213" header="0.31496062992125984" footer="0.31496062992125984"/>
  <pageSetup paperSize="9" scale="83"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3B57D5-6AC5-4893-8263-91E79336167A}">
  <dimension ref="A1:AH123"/>
  <sheetViews>
    <sheetView view="pageBreakPreview" topLeftCell="A3" zoomScale="80" zoomScaleNormal="100" zoomScaleSheetLayoutView="80" workbookViewId="0">
      <selection activeCell="F35" sqref="F35"/>
    </sheetView>
  </sheetViews>
  <sheetFormatPr defaultColWidth="9" defaultRowHeight="13.5"/>
  <cols>
    <col min="1" max="1" width="2.125" style="97" customWidth="1"/>
    <col min="2" max="11" width="3.625" style="97" customWidth="1"/>
    <col min="12" max="12" width="5.625" style="97" customWidth="1"/>
    <col min="13" max="18" width="3.625" style="97" customWidth="1"/>
    <col min="19" max="19" width="5.625" style="97" customWidth="1"/>
    <col min="20" max="25" width="3.625" style="97" customWidth="1"/>
    <col min="26" max="26" width="5.625" style="97" customWidth="1"/>
    <col min="27" max="32" width="3.625" style="97" customWidth="1"/>
    <col min="33" max="33" width="5.625" style="97" customWidth="1"/>
    <col min="34" max="34" width="4" style="97" customWidth="1"/>
    <col min="35" max="35" width="2.125" style="97" customWidth="1"/>
    <col min="36" max="37" width="5.625" style="97" customWidth="1"/>
    <col min="38" max="256" width="9" style="97"/>
    <col min="257" max="257" width="2.125" style="97" customWidth="1"/>
    <col min="258" max="267" width="3.625" style="97" customWidth="1"/>
    <col min="268" max="268" width="5.625" style="97" customWidth="1"/>
    <col min="269" max="274" width="3.625" style="97" customWidth="1"/>
    <col min="275" max="275" width="5.625" style="97" customWidth="1"/>
    <col min="276" max="281" width="3.625" style="97" customWidth="1"/>
    <col min="282" max="282" width="5.625" style="97" customWidth="1"/>
    <col min="283" max="288" width="3.625" style="97" customWidth="1"/>
    <col min="289" max="289" width="5.625" style="97" customWidth="1"/>
    <col min="290" max="290" width="4" style="97" customWidth="1"/>
    <col min="291" max="291" width="2.125" style="97" customWidth="1"/>
    <col min="292" max="293" width="5.625" style="97" customWidth="1"/>
    <col min="294" max="512" width="9" style="97"/>
    <col min="513" max="513" width="2.125" style="97" customWidth="1"/>
    <col min="514" max="523" width="3.625" style="97" customWidth="1"/>
    <col min="524" max="524" width="5.625" style="97" customWidth="1"/>
    <col min="525" max="530" width="3.625" style="97" customWidth="1"/>
    <col min="531" max="531" width="5.625" style="97" customWidth="1"/>
    <col min="532" max="537" width="3.625" style="97" customWidth="1"/>
    <col min="538" max="538" width="5.625" style="97" customWidth="1"/>
    <col min="539" max="544" width="3.625" style="97" customWidth="1"/>
    <col min="545" max="545" width="5.625" style="97" customWidth="1"/>
    <col min="546" max="546" width="4" style="97" customWidth="1"/>
    <col min="547" max="547" width="2.125" style="97" customWidth="1"/>
    <col min="548" max="549" width="5.625" style="97" customWidth="1"/>
    <col min="550" max="768" width="9" style="97"/>
    <col min="769" max="769" width="2.125" style="97" customWidth="1"/>
    <col min="770" max="779" width="3.625" style="97" customWidth="1"/>
    <col min="780" max="780" width="5.625" style="97" customWidth="1"/>
    <col min="781" max="786" width="3.625" style="97" customWidth="1"/>
    <col min="787" max="787" width="5.625" style="97" customWidth="1"/>
    <col min="788" max="793" width="3.625" style="97" customWidth="1"/>
    <col min="794" max="794" width="5.625" style="97" customWidth="1"/>
    <col min="795" max="800" width="3.625" style="97" customWidth="1"/>
    <col min="801" max="801" width="5.625" style="97" customWidth="1"/>
    <col min="802" max="802" width="4" style="97" customWidth="1"/>
    <col min="803" max="803" width="2.125" style="97" customWidth="1"/>
    <col min="804" max="805" width="5.625" style="97" customWidth="1"/>
    <col min="806" max="1024" width="9" style="97"/>
    <col min="1025" max="1025" width="2.125" style="97" customWidth="1"/>
    <col min="1026" max="1035" width="3.625" style="97" customWidth="1"/>
    <col min="1036" max="1036" width="5.625" style="97" customWidth="1"/>
    <col min="1037" max="1042" width="3.625" style="97" customWidth="1"/>
    <col min="1043" max="1043" width="5.625" style="97" customWidth="1"/>
    <col min="1044" max="1049" width="3.625" style="97" customWidth="1"/>
    <col min="1050" max="1050" width="5.625" style="97" customWidth="1"/>
    <col min="1051" max="1056" width="3.625" style="97" customWidth="1"/>
    <col min="1057" max="1057" width="5.625" style="97" customWidth="1"/>
    <col min="1058" max="1058" width="4" style="97" customWidth="1"/>
    <col min="1059" max="1059" width="2.125" style="97" customWidth="1"/>
    <col min="1060" max="1061" width="5.625" style="97" customWidth="1"/>
    <col min="1062" max="1280" width="9" style="97"/>
    <col min="1281" max="1281" width="2.125" style="97" customWidth="1"/>
    <col min="1282" max="1291" width="3.625" style="97" customWidth="1"/>
    <col min="1292" max="1292" width="5.625" style="97" customWidth="1"/>
    <col min="1293" max="1298" width="3.625" style="97" customWidth="1"/>
    <col min="1299" max="1299" width="5.625" style="97" customWidth="1"/>
    <col min="1300" max="1305" width="3.625" style="97" customWidth="1"/>
    <col min="1306" max="1306" width="5.625" style="97" customWidth="1"/>
    <col min="1307" max="1312" width="3.625" style="97" customWidth="1"/>
    <col min="1313" max="1313" width="5.625" style="97" customWidth="1"/>
    <col min="1314" max="1314" width="4" style="97" customWidth="1"/>
    <col min="1315" max="1315" width="2.125" style="97" customWidth="1"/>
    <col min="1316" max="1317" width="5.625" style="97" customWidth="1"/>
    <col min="1318" max="1536" width="9" style="97"/>
    <col min="1537" max="1537" width="2.125" style="97" customWidth="1"/>
    <col min="1538" max="1547" width="3.625" style="97" customWidth="1"/>
    <col min="1548" max="1548" width="5.625" style="97" customWidth="1"/>
    <col min="1549" max="1554" width="3.625" style="97" customWidth="1"/>
    <col min="1555" max="1555" width="5.625" style="97" customWidth="1"/>
    <col min="1556" max="1561" width="3.625" style="97" customWidth="1"/>
    <col min="1562" max="1562" width="5.625" style="97" customWidth="1"/>
    <col min="1563" max="1568" width="3.625" style="97" customWidth="1"/>
    <col min="1569" max="1569" width="5.625" style="97" customWidth="1"/>
    <col min="1570" max="1570" width="4" style="97" customWidth="1"/>
    <col min="1571" max="1571" width="2.125" style="97" customWidth="1"/>
    <col min="1572" max="1573" width="5.625" style="97" customWidth="1"/>
    <col min="1574" max="1792" width="9" style="97"/>
    <col min="1793" max="1793" width="2.125" style="97" customWidth="1"/>
    <col min="1794" max="1803" width="3.625" style="97" customWidth="1"/>
    <col min="1804" max="1804" width="5.625" style="97" customWidth="1"/>
    <col min="1805" max="1810" width="3.625" style="97" customWidth="1"/>
    <col min="1811" max="1811" width="5.625" style="97" customWidth="1"/>
    <col min="1812" max="1817" width="3.625" style="97" customWidth="1"/>
    <col min="1818" max="1818" width="5.625" style="97" customWidth="1"/>
    <col min="1819" max="1824" width="3.625" style="97" customWidth="1"/>
    <col min="1825" max="1825" width="5.625" style="97" customWidth="1"/>
    <col min="1826" max="1826" width="4" style="97" customWidth="1"/>
    <col min="1827" max="1827" width="2.125" style="97" customWidth="1"/>
    <col min="1828" max="1829" width="5.625" style="97" customWidth="1"/>
    <col min="1830" max="2048" width="9" style="97"/>
    <col min="2049" max="2049" width="2.125" style="97" customWidth="1"/>
    <col min="2050" max="2059" width="3.625" style="97" customWidth="1"/>
    <col min="2060" max="2060" width="5.625" style="97" customWidth="1"/>
    <col min="2061" max="2066" width="3.625" style="97" customWidth="1"/>
    <col min="2067" max="2067" width="5.625" style="97" customWidth="1"/>
    <col min="2068" max="2073" width="3.625" style="97" customWidth="1"/>
    <col min="2074" max="2074" width="5.625" style="97" customWidth="1"/>
    <col min="2075" max="2080" width="3.625" style="97" customWidth="1"/>
    <col min="2081" max="2081" width="5.625" style="97" customWidth="1"/>
    <col min="2082" max="2082" width="4" style="97" customWidth="1"/>
    <col min="2083" max="2083" width="2.125" style="97" customWidth="1"/>
    <col min="2084" max="2085" width="5.625" style="97" customWidth="1"/>
    <col min="2086" max="2304" width="9" style="97"/>
    <col min="2305" max="2305" width="2.125" style="97" customWidth="1"/>
    <col min="2306" max="2315" width="3.625" style="97" customWidth="1"/>
    <col min="2316" max="2316" width="5.625" style="97" customWidth="1"/>
    <col min="2317" max="2322" width="3.625" style="97" customWidth="1"/>
    <col min="2323" max="2323" width="5.625" style="97" customWidth="1"/>
    <col min="2324" max="2329" width="3.625" style="97" customWidth="1"/>
    <col min="2330" max="2330" width="5.625" style="97" customWidth="1"/>
    <col min="2331" max="2336" width="3.625" style="97" customWidth="1"/>
    <col min="2337" max="2337" width="5.625" style="97" customWidth="1"/>
    <col min="2338" max="2338" width="4" style="97" customWidth="1"/>
    <col min="2339" max="2339" width="2.125" style="97" customWidth="1"/>
    <col min="2340" max="2341" width="5.625" style="97" customWidth="1"/>
    <col min="2342" max="2560" width="9" style="97"/>
    <col min="2561" max="2561" width="2.125" style="97" customWidth="1"/>
    <col min="2562" max="2571" width="3.625" style="97" customWidth="1"/>
    <col min="2572" max="2572" width="5.625" style="97" customWidth="1"/>
    <col min="2573" max="2578" width="3.625" style="97" customWidth="1"/>
    <col min="2579" max="2579" width="5.625" style="97" customWidth="1"/>
    <col min="2580" max="2585" width="3.625" style="97" customWidth="1"/>
    <col min="2586" max="2586" width="5.625" style="97" customWidth="1"/>
    <col min="2587" max="2592" width="3.625" style="97" customWidth="1"/>
    <col min="2593" max="2593" width="5.625" style="97" customWidth="1"/>
    <col min="2594" max="2594" width="4" style="97" customWidth="1"/>
    <col min="2595" max="2595" width="2.125" style="97" customWidth="1"/>
    <col min="2596" max="2597" width="5.625" style="97" customWidth="1"/>
    <col min="2598" max="2816" width="9" style="97"/>
    <col min="2817" max="2817" width="2.125" style="97" customWidth="1"/>
    <col min="2818" max="2827" width="3.625" style="97" customWidth="1"/>
    <col min="2828" max="2828" width="5.625" style="97" customWidth="1"/>
    <col min="2829" max="2834" width="3.625" style="97" customWidth="1"/>
    <col min="2835" max="2835" width="5.625" style="97" customWidth="1"/>
    <col min="2836" max="2841" width="3.625" style="97" customWidth="1"/>
    <col min="2842" max="2842" width="5.625" style="97" customWidth="1"/>
    <col min="2843" max="2848" width="3.625" style="97" customWidth="1"/>
    <col min="2849" max="2849" width="5.625" style="97" customWidth="1"/>
    <col min="2850" max="2850" width="4" style="97" customWidth="1"/>
    <col min="2851" max="2851" width="2.125" style="97" customWidth="1"/>
    <col min="2852" max="2853" width="5.625" style="97" customWidth="1"/>
    <col min="2854" max="3072" width="9" style="97"/>
    <col min="3073" max="3073" width="2.125" style="97" customWidth="1"/>
    <col min="3074" max="3083" width="3.625" style="97" customWidth="1"/>
    <col min="3084" max="3084" width="5.625" style="97" customWidth="1"/>
    <col min="3085" max="3090" width="3.625" style="97" customWidth="1"/>
    <col min="3091" max="3091" width="5.625" style="97" customWidth="1"/>
    <col min="3092" max="3097" width="3.625" style="97" customWidth="1"/>
    <col min="3098" max="3098" width="5.625" style="97" customWidth="1"/>
    <col min="3099" max="3104" width="3.625" style="97" customWidth="1"/>
    <col min="3105" max="3105" width="5.625" style="97" customWidth="1"/>
    <col min="3106" max="3106" width="4" style="97" customWidth="1"/>
    <col min="3107" max="3107" width="2.125" style="97" customWidth="1"/>
    <col min="3108" max="3109" width="5.625" style="97" customWidth="1"/>
    <col min="3110" max="3328" width="9" style="97"/>
    <col min="3329" max="3329" width="2.125" style="97" customWidth="1"/>
    <col min="3330" max="3339" width="3.625" style="97" customWidth="1"/>
    <col min="3340" max="3340" width="5.625" style="97" customWidth="1"/>
    <col min="3341" max="3346" width="3.625" style="97" customWidth="1"/>
    <col min="3347" max="3347" width="5.625" style="97" customWidth="1"/>
    <col min="3348" max="3353" width="3.625" style="97" customWidth="1"/>
    <col min="3354" max="3354" width="5.625" style="97" customWidth="1"/>
    <col min="3355" max="3360" width="3.625" style="97" customWidth="1"/>
    <col min="3361" max="3361" width="5.625" style="97" customWidth="1"/>
    <col min="3362" max="3362" width="4" style="97" customWidth="1"/>
    <col min="3363" max="3363" width="2.125" style="97" customWidth="1"/>
    <col min="3364" max="3365" width="5.625" style="97" customWidth="1"/>
    <col min="3366" max="3584" width="9" style="97"/>
    <col min="3585" max="3585" width="2.125" style="97" customWidth="1"/>
    <col min="3586" max="3595" width="3.625" style="97" customWidth="1"/>
    <col min="3596" max="3596" width="5.625" style="97" customWidth="1"/>
    <col min="3597" max="3602" width="3.625" style="97" customWidth="1"/>
    <col min="3603" max="3603" width="5.625" style="97" customWidth="1"/>
    <col min="3604" max="3609" width="3.625" style="97" customWidth="1"/>
    <col min="3610" max="3610" width="5.625" style="97" customWidth="1"/>
    <col min="3611" max="3616" width="3.625" style="97" customWidth="1"/>
    <col min="3617" max="3617" width="5.625" style="97" customWidth="1"/>
    <col min="3618" max="3618" width="4" style="97" customWidth="1"/>
    <col min="3619" max="3619" width="2.125" style="97" customWidth="1"/>
    <col min="3620" max="3621" width="5.625" style="97" customWidth="1"/>
    <col min="3622" max="3840" width="9" style="97"/>
    <col min="3841" max="3841" width="2.125" style="97" customWidth="1"/>
    <col min="3842" max="3851" width="3.625" style="97" customWidth="1"/>
    <col min="3852" max="3852" width="5.625" style="97" customWidth="1"/>
    <col min="3853" max="3858" width="3.625" style="97" customWidth="1"/>
    <col min="3859" max="3859" width="5.625" style="97" customWidth="1"/>
    <col min="3860" max="3865" width="3.625" style="97" customWidth="1"/>
    <col min="3866" max="3866" width="5.625" style="97" customWidth="1"/>
    <col min="3867" max="3872" width="3.625" style="97" customWidth="1"/>
    <col min="3873" max="3873" width="5.625" style="97" customWidth="1"/>
    <col min="3874" max="3874" width="4" style="97" customWidth="1"/>
    <col min="3875" max="3875" width="2.125" style="97" customWidth="1"/>
    <col min="3876" max="3877" width="5.625" style="97" customWidth="1"/>
    <col min="3878" max="4096" width="9" style="97"/>
    <col min="4097" max="4097" width="2.125" style="97" customWidth="1"/>
    <col min="4098" max="4107" width="3.625" style="97" customWidth="1"/>
    <col min="4108" max="4108" width="5.625" style="97" customWidth="1"/>
    <col min="4109" max="4114" width="3.625" style="97" customWidth="1"/>
    <col min="4115" max="4115" width="5.625" style="97" customWidth="1"/>
    <col min="4116" max="4121" width="3.625" style="97" customWidth="1"/>
    <col min="4122" max="4122" width="5.625" style="97" customWidth="1"/>
    <col min="4123" max="4128" width="3.625" style="97" customWidth="1"/>
    <col min="4129" max="4129" width="5.625" style="97" customWidth="1"/>
    <col min="4130" max="4130" width="4" style="97" customWidth="1"/>
    <col min="4131" max="4131" width="2.125" style="97" customWidth="1"/>
    <col min="4132" max="4133" width="5.625" style="97" customWidth="1"/>
    <col min="4134" max="4352" width="9" style="97"/>
    <col min="4353" max="4353" width="2.125" style="97" customWidth="1"/>
    <col min="4354" max="4363" width="3.625" style="97" customWidth="1"/>
    <col min="4364" max="4364" width="5.625" style="97" customWidth="1"/>
    <col min="4365" max="4370" width="3.625" style="97" customWidth="1"/>
    <col min="4371" max="4371" width="5.625" style="97" customWidth="1"/>
    <col min="4372" max="4377" width="3.625" style="97" customWidth="1"/>
    <col min="4378" max="4378" width="5.625" style="97" customWidth="1"/>
    <col min="4379" max="4384" width="3.625" style="97" customWidth="1"/>
    <col min="4385" max="4385" width="5.625" style="97" customWidth="1"/>
    <col min="4386" max="4386" width="4" style="97" customWidth="1"/>
    <col min="4387" max="4387" width="2.125" style="97" customWidth="1"/>
    <col min="4388" max="4389" width="5.625" style="97" customWidth="1"/>
    <col min="4390" max="4608" width="9" style="97"/>
    <col min="4609" max="4609" width="2.125" style="97" customWidth="1"/>
    <col min="4610" max="4619" width="3.625" style="97" customWidth="1"/>
    <col min="4620" max="4620" width="5.625" style="97" customWidth="1"/>
    <col min="4621" max="4626" width="3.625" style="97" customWidth="1"/>
    <col min="4627" max="4627" width="5.625" style="97" customWidth="1"/>
    <col min="4628" max="4633" width="3.625" style="97" customWidth="1"/>
    <col min="4634" max="4634" width="5.625" style="97" customWidth="1"/>
    <col min="4635" max="4640" width="3.625" style="97" customWidth="1"/>
    <col min="4641" max="4641" width="5.625" style="97" customWidth="1"/>
    <col min="4642" max="4642" width="4" style="97" customWidth="1"/>
    <col min="4643" max="4643" width="2.125" style="97" customWidth="1"/>
    <col min="4644" max="4645" width="5.625" style="97" customWidth="1"/>
    <col min="4646" max="4864" width="9" style="97"/>
    <col min="4865" max="4865" width="2.125" style="97" customWidth="1"/>
    <col min="4866" max="4875" width="3.625" style="97" customWidth="1"/>
    <col min="4876" max="4876" width="5.625" style="97" customWidth="1"/>
    <col min="4877" max="4882" width="3.625" style="97" customWidth="1"/>
    <col min="4883" max="4883" width="5.625" style="97" customWidth="1"/>
    <col min="4884" max="4889" width="3.625" style="97" customWidth="1"/>
    <col min="4890" max="4890" width="5.625" style="97" customWidth="1"/>
    <col min="4891" max="4896" width="3.625" style="97" customWidth="1"/>
    <col min="4897" max="4897" width="5.625" style="97" customWidth="1"/>
    <col min="4898" max="4898" width="4" style="97" customWidth="1"/>
    <col min="4899" max="4899" width="2.125" style="97" customWidth="1"/>
    <col min="4900" max="4901" width="5.625" style="97" customWidth="1"/>
    <col min="4902" max="5120" width="9" style="97"/>
    <col min="5121" max="5121" width="2.125" style="97" customWidth="1"/>
    <col min="5122" max="5131" width="3.625" style="97" customWidth="1"/>
    <col min="5132" max="5132" width="5.625" style="97" customWidth="1"/>
    <col min="5133" max="5138" width="3.625" style="97" customWidth="1"/>
    <col min="5139" max="5139" width="5.625" style="97" customWidth="1"/>
    <col min="5140" max="5145" width="3.625" style="97" customWidth="1"/>
    <col min="5146" max="5146" width="5.625" style="97" customWidth="1"/>
    <col min="5147" max="5152" width="3.625" style="97" customWidth="1"/>
    <col min="5153" max="5153" width="5.625" style="97" customWidth="1"/>
    <col min="5154" max="5154" width="4" style="97" customWidth="1"/>
    <col min="5155" max="5155" width="2.125" style="97" customWidth="1"/>
    <col min="5156" max="5157" width="5.625" style="97" customWidth="1"/>
    <col min="5158" max="5376" width="9" style="97"/>
    <col min="5377" max="5377" width="2.125" style="97" customWidth="1"/>
    <col min="5378" max="5387" width="3.625" style="97" customWidth="1"/>
    <col min="5388" max="5388" width="5.625" style="97" customWidth="1"/>
    <col min="5389" max="5394" width="3.625" style="97" customWidth="1"/>
    <col min="5395" max="5395" width="5.625" style="97" customWidth="1"/>
    <col min="5396" max="5401" width="3.625" style="97" customWidth="1"/>
    <col min="5402" max="5402" width="5.625" style="97" customWidth="1"/>
    <col min="5403" max="5408" width="3.625" style="97" customWidth="1"/>
    <col min="5409" max="5409" width="5.625" style="97" customWidth="1"/>
    <col min="5410" max="5410" width="4" style="97" customWidth="1"/>
    <col min="5411" max="5411" width="2.125" style="97" customWidth="1"/>
    <col min="5412" max="5413" width="5.625" style="97" customWidth="1"/>
    <col min="5414" max="5632" width="9" style="97"/>
    <col min="5633" max="5633" width="2.125" style="97" customWidth="1"/>
    <col min="5634" max="5643" width="3.625" style="97" customWidth="1"/>
    <col min="5644" max="5644" width="5.625" style="97" customWidth="1"/>
    <col min="5645" max="5650" width="3.625" style="97" customWidth="1"/>
    <col min="5651" max="5651" width="5.625" style="97" customWidth="1"/>
    <col min="5652" max="5657" width="3.625" style="97" customWidth="1"/>
    <col min="5658" max="5658" width="5.625" style="97" customWidth="1"/>
    <col min="5659" max="5664" width="3.625" style="97" customWidth="1"/>
    <col min="5665" max="5665" width="5.625" style="97" customWidth="1"/>
    <col min="5666" max="5666" width="4" style="97" customWidth="1"/>
    <col min="5667" max="5667" width="2.125" style="97" customWidth="1"/>
    <col min="5668" max="5669" width="5.625" style="97" customWidth="1"/>
    <col min="5670" max="5888" width="9" style="97"/>
    <col min="5889" max="5889" width="2.125" style="97" customWidth="1"/>
    <col min="5890" max="5899" width="3.625" style="97" customWidth="1"/>
    <col min="5900" max="5900" width="5.625" style="97" customWidth="1"/>
    <col min="5901" max="5906" width="3.625" style="97" customWidth="1"/>
    <col min="5907" max="5907" width="5.625" style="97" customWidth="1"/>
    <col min="5908" max="5913" width="3.625" style="97" customWidth="1"/>
    <col min="5914" max="5914" width="5.625" style="97" customWidth="1"/>
    <col min="5915" max="5920" width="3.625" style="97" customWidth="1"/>
    <col min="5921" max="5921" width="5.625" style="97" customWidth="1"/>
    <col min="5922" max="5922" width="4" style="97" customWidth="1"/>
    <col min="5923" max="5923" width="2.125" style="97" customWidth="1"/>
    <col min="5924" max="5925" width="5.625" style="97" customWidth="1"/>
    <col min="5926" max="6144" width="9" style="97"/>
    <col min="6145" max="6145" width="2.125" style="97" customWidth="1"/>
    <col min="6146" max="6155" width="3.625" style="97" customWidth="1"/>
    <col min="6156" max="6156" width="5.625" style="97" customWidth="1"/>
    <col min="6157" max="6162" width="3.625" style="97" customWidth="1"/>
    <col min="6163" max="6163" width="5.625" style="97" customWidth="1"/>
    <col min="6164" max="6169" width="3.625" style="97" customWidth="1"/>
    <col min="6170" max="6170" width="5.625" style="97" customWidth="1"/>
    <col min="6171" max="6176" width="3.625" style="97" customWidth="1"/>
    <col min="6177" max="6177" width="5.625" style="97" customWidth="1"/>
    <col min="6178" max="6178" width="4" style="97" customWidth="1"/>
    <col min="6179" max="6179" width="2.125" style="97" customWidth="1"/>
    <col min="6180" max="6181" width="5.625" style="97" customWidth="1"/>
    <col min="6182" max="6400" width="9" style="97"/>
    <col min="6401" max="6401" width="2.125" style="97" customWidth="1"/>
    <col min="6402" max="6411" width="3.625" style="97" customWidth="1"/>
    <col min="6412" max="6412" width="5.625" style="97" customWidth="1"/>
    <col min="6413" max="6418" width="3.625" style="97" customWidth="1"/>
    <col min="6419" max="6419" width="5.625" style="97" customWidth="1"/>
    <col min="6420" max="6425" width="3.625" style="97" customWidth="1"/>
    <col min="6426" max="6426" width="5.625" style="97" customWidth="1"/>
    <col min="6427" max="6432" width="3.625" style="97" customWidth="1"/>
    <col min="6433" max="6433" width="5.625" style="97" customWidth="1"/>
    <col min="6434" max="6434" width="4" style="97" customWidth="1"/>
    <col min="6435" max="6435" width="2.125" style="97" customWidth="1"/>
    <col min="6436" max="6437" width="5.625" style="97" customWidth="1"/>
    <col min="6438" max="6656" width="9" style="97"/>
    <col min="6657" max="6657" width="2.125" style="97" customWidth="1"/>
    <col min="6658" max="6667" width="3.625" style="97" customWidth="1"/>
    <col min="6668" max="6668" width="5.625" style="97" customWidth="1"/>
    <col min="6669" max="6674" width="3.625" style="97" customWidth="1"/>
    <col min="6675" max="6675" width="5.625" style="97" customWidth="1"/>
    <col min="6676" max="6681" width="3.625" style="97" customWidth="1"/>
    <col min="6682" max="6682" width="5.625" style="97" customWidth="1"/>
    <col min="6683" max="6688" width="3.625" style="97" customWidth="1"/>
    <col min="6689" max="6689" width="5.625" style="97" customWidth="1"/>
    <col min="6690" max="6690" width="4" style="97" customWidth="1"/>
    <col min="6691" max="6691" width="2.125" style="97" customWidth="1"/>
    <col min="6692" max="6693" width="5.625" style="97" customWidth="1"/>
    <col min="6694" max="6912" width="9" style="97"/>
    <col min="6913" max="6913" width="2.125" style="97" customWidth="1"/>
    <col min="6914" max="6923" width="3.625" style="97" customWidth="1"/>
    <col min="6924" max="6924" width="5.625" style="97" customWidth="1"/>
    <col min="6925" max="6930" width="3.625" style="97" customWidth="1"/>
    <col min="6931" max="6931" width="5.625" style="97" customWidth="1"/>
    <col min="6932" max="6937" width="3.625" style="97" customWidth="1"/>
    <col min="6938" max="6938" width="5.625" style="97" customWidth="1"/>
    <col min="6939" max="6944" width="3.625" style="97" customWidth="1"/>
    <col min="6945" max="6945" width="5.625" style="97" customWidth="1"/>
    <col min="6946" max="6946" width="4" style="97" customWidth="1"/>
    <col min="6947" max="6947" width="2.125" style="97" customWidth="1"/>
    <col min="6948" max="6949" width="5.625" style="97" customWidth="1"/>
    <col min="6950" max="7168" width="9" style="97"/>
    <col min="7169" max="7169" width="2.125" style="97" customWidth="1"/>
    <col min="7170" max="7179" width="3.625" style="97" customWidth="1"/>
    <col min="7180" max="7180" width="5.625" style="97" customWidth="1"/>
    <col min="7181" max="7186" width="3.625" style="97" customWidth="1"/>
    <col min="7187" max="7187" width="5.625" style="97" customWidth="1"/>
    <col min="7188" max="7193" width="3.625" style="97" customWidth="1"/>
    <col min="7194" max="7194" width="5.625" style="97" customWidth="1"/>
    <col min="7195" max="7200" width="3.625" style="97" customWidth="1"/>
    <col min="7201" max="7201" width="5.625" style="97" customWidth="1"/>
    <col min="7202" max="7202" width="4" style="97" customWidth="1"/>
    <col min="7203" max="7203" width="2.125" style="97" customWidth="1"/>
    <col min="7204" max="7205" width="5.625" style="97" customWidth="1"/>
    <col min="7206" max="7424" width="9" style="97"/>
    <col min="7425" max="7425" width="2.125" style="97" customWidth="1"/>
    <col min="7426" max="7435" width="3.625" style="97" customWidth="1"/>
    <col min="7436" max="7436" width="5.625" style="97" customWidth="1"/>
    <col min="7437" max="7442" width="3.625" style="97" customWidth="1"/>
    <col min="7443" max="7443" width="5.625" style="97" customWidth="1"/>
    <col min="7444" max="7449" width="3.625" style="97" customWidth="1"/>
    <col min="7450" max="7450" width="5.625" style="97" customWidth="1"/>
    <col min="7451" max="7456" width="3.625" style="97" customWidth="1"/>
    <col min="7457" max="7457" width="5.625" style="97" customWidth="1"/>
    <col min="7458" max="7458" width="4" style="97" customWidth="1"/>
    <col min="7459" max="7459" width="2.125" style="97" customWidth="1"/>
    <col min="7460" max="7461" width="5.625" style="97" customWidth="1"/>
    <col min="7462" max="7680" width="9" style="97"/>
    <col min="7681" max="7681" width="2.125" style="97" customWidth="1"/>
    <col min="7682" max="7691" width="3.625" style="97" customWidth="1"/>
    <col min="7692" max="7692" width="5.625" style="97" customWidth="1"/>
    <col min="7693" max="7698" width="3.625" style="97" customWidth="1"/>
    <col min="7699" max="7699" width="5.625" style="97" customWidth="1"/>
    <col min="7700" max="7705" width="3.625" style="97" customWidth="1"/>
    <col min="7706" max="7706" width="5.625" style="97" customWidth="1"/>
    <col min="7707" max="7712" width="3.625" style="97" customWidth="1"/>
    <col min="7713" max="7713" width="5.625" style="97" customWidth="1"/>
    <col min="7714" max="7714" width="4" style="97" customWidth="1"/>
    <col min="7715" max="7715" width="2.125" style="97" customWidth="1"/>
    <col min="7716" max="7717" width="5.625" style="97" customWidth="1"/>
    <col min="7718" max="7936" width="9" style="97"/>
    <col min="7937" max="7937" width="2.125" style="97" customWidth="1"/>
    <col min="7938" max="7947" width="3.625" style="97" customWidth="1"/>
    <col min="7948" max="7948" width="5.625" style="97" customWidth="1"/>
    <col min="7949" max="7954" width="3.625" style="97" customWidth="1"/>
    <col min="7955" max="7955" width="5.625" style="97" customWidth="1"/>
    <col min="7956" max="7961" width="3.625" style="97" customWidth="1"/>
    <col min="7962" max="7962" width="5.625" style="97" customWidth="1"/>
    <col min="7963" max="7968" width="3.625" style="97" customWidth="1"/>
    <col min="7969" max="7969" width="5.625" style="97" customWidth="1"/>
    <col min="7970" max="7970" width="4" style="97" customWidth="1"/>
    <col min="7971" max="7971" width="2.125" style="97" customWidth="1"/>
    <col min="7972" max="7973" width="5.625" style="97" customWidth="1"/>
    <col min="7974" max="8192" width="9" style="97"/>
    <col min="8193" max="8193" width="2.125" style="97" customWidth="1"/>
    <col min="8194" max="8203" width="3.625" style="97" customWidth="1"/>
    <col min="8204" max="8204" width="5.625" style="97" customWidth="1"/>
    <col min="8205" max="8210" width="3.625" style="97" customWidth="1"/>
    <col min="8211" max="8211" width="5.625" style="97" customWidth="1"/>
    <col min="8212" max="8217" width="3.625" style="97" customWidth="1"/>
    <col min="8218" max="8218" width="5.625" style="97" customWidth="1"/>
    <col min="8219" max="8224" width="3.625" style="97" customWidth="1"/>
    <col min="8225" max="8225" width="5.625" style="97" customWidth="1"/>
    <col min="8226" max="8226" width="4" style="97" customWidth="1"/>
    <col min="8227" max="8227" width="2.125" style="97" customWidth="1"/>
    <col min="8228" max="8229" width="5.625" style="97" customWidth="1"/>
    <col min="8230" max="8448" width="9" style="97"/>
    <col min="8449" max="8449" width="2.125" style="97" customWidth="1"/>
    <col min="8450" max="8459" width="3.625" style="97" customWidth="1"/>
    <col min="8460" max="8460" width="5.625" style="97" customWidth="1"/>
    <col min="8461" max="8466" width="3.625" style="97" customWidth="1"/>
    <col min="8467" max="8467" width="5.625" style="97" customWidth="1"/>
    <col min="8468" max="8473" width="3.625" style="97" customWidth="1"/>
    <col min="8474" max="8474" width="5.625" style="97" customWidth="1"/>
    <col min="8475" max="8480" width="3.625" style="97" customWidth="1"/>
    <col min="8481" max="8481" width="5.625" style="97" customWidth="1"/>
    <col min="8482" max="8482" width="4" style="97" customWidth="1"/>
    <col min="8483" max="8483" width="2.125" style="97" customWidth="1"/>
    <col min="8484" max="8485" width="5.625" style="97" customWidth="1"/>
    <col min="8486" max="8704" width="9" style="97"/>
    <col min="8705" max="8705" width="2.125" style="97" customWidth="1"/>
    <col min="8706" max="8715" width="3.625" style="97" customWidth="1"/>
    <col min="8716" max="8716" width="5.625" style="97" customWidth="1"/>
    <col min="8717" max="8722" width="3.625" style="97" customWidth="1"/>
    <col min="8723" max="8723" width="5.625" style="97" customWidth="1"/>
    <col min="8724" max="8729" width="3.625" style="97" customWidth="1"/>
    <col min="8730" max="8730" width="5.625" style="97" customWidth="1"/>
    <col min="8731" max="8736" width="3.625" style="97" customWidth="1"/>
    <col min="8737" max="8737" width="5.625" style="97" customWidth="1"/>
    <col min="8738" max="8738" width="4" style="97" customWidth="1"/>
    <col min="8739" max="8739" width="2.125" style="97" customWidth="1"/>
    <col min="8740" max="8741" width="5.625" style="97" customWidth="1"/>
    <col min="8742" max="8960" width="9" style="97"/>
    <col min="8961" max="8961" width="2.125" style="97" customWidth="1"/>
    <col min="8962" max="8971" width="3.625" style="97" customWidth="1"/>
    <col min="8972" max="8972" width="5.625" style="97" customWidth="1"/>
    <col min="8973" max="8978" width="3.625" style="97" customWidth="1"/>
    <col min="8979" max="8979" width="5.625" style="97" customWidth="1"/>
    <col min="8980" max="8985" width="3.625" style="97" customWidth="1"/>
    <col min="8986" max="8986" width="5.625" style="97" customWidth="1"/>
    <col min="8987" max="8992" width="3.625" style="97" customWidth="1"/>
    <col min="8993" max="8993" width="5.625" style="97" customWidth="1"/>
    <col min="8994" max="8994" width="4" style="97" customWidth="1"/>
    <col min="8995" max="8995" width="2.125" style="97" customWidth="1"/>
    <col min="8996" max="8997" width="5.625" style="97" customWidth="1"/>
    <col min="8998" max="9216" width="9" style="97"/>
    <col min="9217" max="9217" width="2.125" style="97" customWidth="1"/>
    <col min="9218" max="9227" width="3.625" style="97" customWidth="1"/>
    <col min="9228" max="9228" width="5.625" style="97" customWidth="1"/>
    <col min="9229" max="9234" width="3.625" style="97" customWidth="1"/>
    <col min="9235" max="9235" width="5.625" style="97" customWidth="1"/>
    <col min="9236" max="9241" width="3.625" style="97" customWidth="1"/>
    <col min="9242" max="9242" width="5.625" style="97" customWidth="1"/>
    <col min="9243" max="9248" width="3.625" style="97" customWidth="1"/>
    <col min="9249" max="9249" width="5.625" style="97" customWidth="1"/>
    <col min="9250" max="9250" width="4" style="97" customWidth="1"/>
    <col min="9251" max="9251" width="2.125" style="97" customWidth="1"/>
    <col min="9252" max="9253" width="5.625" style="97" customWidth="1"/>
    <col min="9254" max="9472" width="9" style="97"/>
    <col min="9473" max="9473" width="2.125" style="97" customWidth="1"/>
    <col min="9474" max="9483" width="3.625" style="97" customWidth="1"/>
    <col min="9484" max="9484" width="5.625" style="97" customWidth="1"/>
    <col min="9485" max="9490" width="3.625" style="97" customWidth="1"/>
    <col min="9491" max="9491" width="5.625" style="97" customWidth="1"/>
    <col min="9492" max="9497" width="3.625" style="97" customWidth="1"/>
    <col min="9498" max="9498" width="5.625" style="97" customWidth="1"/>
    <col min="9499" max="9504" width="3.625" style="97" customWidth="1"/>
    <col min="9505" max="9505" width="5.625" style="97" customWidth="1"/>
    <col min="9506" max="9506" width="4" style="97" customWidth="1"/>
    <col min="9507" max="9507" width="2.125" style="97" customWidth="1"/>
    <col min="9508" max="9509" width="5.625" style="97" customWidth="1"/>
    <col min="9510" max="9728" width="9" style="97"/>
    <col min="9729" max="9729" width="2.125" style="97" customWidth="1"/>
    <col min="9730" max="9739" width="3.625" style="97" customWidth="1"/>
    <col min="9740" max="9740" width="5.625" style="97" customWidth="1"/>
    <col min="9741" max="9746" width="3.625" style="97" customWidth="1"/>
    <col min="9747" max="9747" width="5.625" style="97" customWidth="1"/>
    <col min="9748" max="9753" width="3.625" style="97" customWidth="1"/>
    <col min="9754" max="9754" width="5.625" style="97" customWidth="1"/>
    <col min="9755" max="9760" width="3.625" style="97" customWidth="1"/>
    <col min="9761" max="9761" width="5.625" style="97" customWidth="1"/>
    <col min="9762" max="9762" width="4" style="97" customWidth="1"/>
    <col min="9763" max="9763" width="2.125" style="97" customWidth="1"/>
    <col min="9764" max="9765" width="5.625" style="97" customWidth="1"/>
    <col min="9766" max="9984" width="9" style="97"/>
    <col min="9985" max="9985" width="2.125" style="97" customWidth="1"/>
    <col min="9986" max="9995" width="3.625" style="97" customWidth="1"/>
    <col min="9996" max="9996" width="5.625" style="97" customWidth="1"/>
    <col min="9997" max="10002" width="3.625" style="97" customWidth="1"/>
    <col min="10003" max="10003" width="5.625" style="97" customWidth="1"/>
    <col min="10004" max="10009" width="3.625" style="97" customWidth="1"/>
    <col min="10010" max="10010" width="5.625" style="97" customWidth="1"/>
    <col min="10011" max="10016" width="3.625" style="97" customWidth="1"/>
    <col min="10017" max="10017" width="5.625" style="97" customWidth="1"/>
    <col min="10018" max="10018" width="4" style="97" customWidth="1"/>
    <col min="10019" max="10019" width="2.125" style="97" customWidth="1"/>
    <col min="10020" max="10021" width="5.625" style="97" customWidth="1"/>
    <col min="10022" max="10240" width="9" style="97"/>
    <col min="10241" max="10241" width="2.125" style="97" customWidth="1"/>
    <col min="10242" max="10251" width="3.625" style="97" customWidth="1"/>
    <col min="10252" max="10252" width="5.625" style="97" customWidth="1"/>
    <col min="10253" max="10258" width="3.625" style="97" customWidth="1"/>
    <col min="10259" max="10259" width="5.625" style="97" customWidth="1"/>
    <col min="10260" max="10265" width="3.625" style="97" customWidth="1"/>
    <col min="10266" max="10266" width="5.625" style="97" customWidth="1"/>
    <col min="10267" max="10272" width="3.625" style="97" customWidth="1"/>
    <col min="10273" max="10273" width="5.625" style="97" customWidth="1"/>
    <col min="10274" max="10274" width="4" style="97" customWidth="1"/>
    <col min="10275" max="10275" width="2.125" style="97" customWidth="1"/>
    <col min="10276" max="10277" width="5.625" style="97" customWidth="1"/>
    <col min="10278" max="10496" width="9" style="97"/>
    <col min="10497" max="10497" width="2.125" style="97" customWidth="1"/>
    <col min="10498" max="10507" width="3.625" style="97" customWidth="1"/>
    <col min="10508" max="10508" width="5.625" style="97" customWidth="1"/>
    <col min="10509" max="10514" width="3.625" style="97" customWidth="1"/>
    <col min="10515" max="10515" width="5.625" style="97" customWidth="1"/>
    <col min="10516" max="10521" width="3.625" style="97" customWidth="1"/>
    <col min="10522" max="10522" width="5.625" style="97" customWidth="1"/>
    <col min="10523" max="10528" width="3.625" style="97" customWidth="1"/>
    <col min="10529" max="10529" width="5.625" style="97" customWidth="1"/>
    <col min="10530" max="10530" width="4" style="97" customWidth="1"/>
    <col min="10531" max="10531" width="2.125" style="97" customWidth="1"/>
    <col min="10532" max="10533" width="5.625" style="97" customWidth="1"/>
    <col min="10534" max="10752" width="9" style="97"/>
    <col min="10753" max="10753" width="2.125" style="97" customWidth="1"/>
    <col min="10754" max="10763" width="3.625" style="97" customWidth="1"/>
    <col min="10764" max="10764" width="5.625" style="97" customWidth="1"/>
    <col min="10765" max="10770" width="3.625" style="97" customWidth="1"/>
    <col min="10771" max="10771" width="5.625" style="97" customWidth="1"/>
    <col min="10772" max="10777" width="3.625" style="97" customWidth="1"/>
    <col min="10778" max="10778" width="5.625" style="97" customWidth="1"/>
    <col min="10779" max="10784" width="3.625" style="97" customWidth="1"/>
    <col min="10785" max="10785" width="5.625" style="97" customWidth="1"/>
    <col min="10786" max="10786" width="4" style="97" customWidth="1"/>
    <col min="10787" max="10787" width="2.125" style="97" customWidth="1"/>
    <col min="10788" max="10789" width="5.625" style="97" customWidth="1"/>
    <col min="10790" max="11008" width="9" style="97"/>
    <col min="11009" max="11009" width="2.125" style="97" customWidth="1"/>
    <col min="11010" max="11019" width="3.625" style="97" customWidth="1"/>
    <col min="11020" max="11020" width="5.625" style="97" customWidth="1"/>
    <col min="11021" max="11026" width="3.625" style="97" customWidth="1"/>
    <col min="11027" max="11027" width="5.625" style="97" customWidth="1"/>
    <col min="11028" max="11033" width="3.625" style="97" customWidth="1"/>
    <col min="11034" max="11034" width="5.625" style="97" customWidth="1"/>
    <col min="11035" max="11040" width="3.625" style="97" customWidth="1"/>
    <col min="11041" max="11041" width="5.625" style="97" customWidth="1"/>
    <col min="11042" max="11042" width="4" style="97" customWidth="1"/>
    <col min="11043" max="11043" width="2.125" style="97" customWidth="1"/>
    <col min="11044" max="11045" width="5.625" style="97" customWidth="1"/>
    <col min="11046" max="11264" width="9" style="97"/>
    <col min="11265" max="11265" width="2.125" style="97" customWidth="1"/>
    <col min="11266" max="11275" width="3.625" style="97" customWidth="1"/>
    <col min="11276" max="11276" width="5.625" style="97" customWidth="1"/>
    <col min="11277" max="11282" width="3.625" style="97" customWidth="1"/>
    <col min="11283" max="11283" width="5.625" style="97" customWidth="1"/>
    <col min="11284" max="11289" width="3.625" style="97" customWidth="1"/>
    <col min="11290" max="11290" width="5.625" style="97" customWidth="1"/>
    <col min="11291" max="11296" width="3.625" style="97" customWidth="1"/>
    <col min="11297" max="11297" width="5.625" style="97" customWidth="1"/>
    <col min="11298" max="11298" width="4" style="97" customWidth="1"/>
    <col min="11299" max="11299" width="2.125" style="97" customWidth="1"/>
    <col min="11300" max="11301" width="5.625" style="97" customWidth="1"/>
    <col min="11302" max="11520" width="9" style="97"/>
    <col min="11521" max="11521" width="2.125" style="97" customWidth="1"/>
    <col min="11522" max="11531" width="3.625" style="97" customWidth="1"/>
    <col min="11532" max="11532" width="5.625" style="97" customWidth="1"/>
    <col min="11533" max="11538" width="3.625" style="97" customWidth="1"/>
    <col min="11539" max="11539" width="5.625" style="97" customWidth="1"/>
    <col min="11540" max="11545" width="3.625" style="97" customWidth="1"/>
    <col min="11546" max="11546" width="5.625" style="97" customWidth="1"/>
    <col min="11547" max="11552" width="3.625" style="97" customWidth="1"/>
    <col min="11553" max="11553" width="5.625" style="97" customWidth="1"/>
    <col min="11554" max="11554" width="4" style="97" customWidth="1"/>
    <col min="11555" max="11555" width="2.125" style="97" customWidth="1"/>
    <col min="11556" max="11557" width="5.625" style="97" customWidth="1"/>
    <col min="11558" max="11776" width="9" style="97"/>
    <col min="11777" max="11777" width="2.125" style="97" customWidth="1"/>
    <col min="11778" max="11787" width="3.625" style="97" customWidth="1"/>
    <col min="11788" max="11788" width="5.625" style="97" customWidth="1"/>
    <col min="11789" max="11794" width="3.625" style="97" customWidth="1"/>
    <col min="11795" max="11795" width="5.625" style="97" customWidth="1"/>
    <col min="11796" max="11801" width="3.625" style="97" customWidth="1"/>
    <col min="11802" max="11802" width="5.625" style="97" customWidth="1"/>
    <col min="11803" max="11808" width="3.625" style="97" customWidth="1"/>
    <col min="11809" max="11809" width="5.625" style="97" customWidth="1"/>
    <col min="11810" max="11810" width="4" style="97" customWidth="1"/>
    <col min="11811" max="11811" width="2.125" style="97" customWidth="1"/>
    <col min="11812" max="11813" width="5.625" style="97" customWidth="1"/>
    <col min="11814" max="12032" width="9" style="97"/>
    <col min="12033" max="12033" width="2.125" style="97" customWidth="1"/>
    <col min="12034" max="12043" width="3.625" style="97" customWidth="1"/>
    <col min="12044" max="12044" width="5.625" style="97" customWidth="1"/>
    <col min="12045" max="12050" width="3.625" style="97" customWidth="1"/>
    <col min="12051" max="12051" width="5.625" style="97" customWidth="1"/>
    <col min="12052" max="12057" width="3.625" style="97" customWidth="1"/>
    <col min="12058" max="12058" width="5.625" style="97" customWidth="1"/>
    <col min="12059" max="12064" width="3.625" style="97" customWidth="1"/>
    <col min="12065" max="12065" width="5.625" style="97" customWidth="1"/>
    <col min="12066" max="12066" width="4" style="97" customWidth="1"/>
    <col min="12067" max="12067" width="2.125" style="97" customWidth="1"/>
    <col min="12068" max="12069" width="5.625" style="97" customWidth="1"/>
    <col min="12070" max="12288" width="9" style="97"/>
    <col min="12289" max="12289" width="2.125" style="97" customWidth="1"/>
    <col min="12290" max="12299" width="3.625" style="97" customWidth="1"/>
    <col min="12300" max="12300" width="5.625" style="97" customWidth="1"/>
    <col min="12301" max="12306" width="3.625" style="97" customWidth="1"/>
    <col min="12307" max="12307" width="5.625" style="97" customWidth="1"/>
    <col min="12308" max="12313" width="3.625" style="97" customWidth="1"/>
    <col min="12314" max="12314" width="5.625" style="97" customWidth="1"/>
    <col min="12315" max="12320" width="3.625" style="97" customWidth="1"/>
    <col min="12321" max="12321" width="5.625" style="97" customWidth="1"/>
    <col min="12322" max="12322" width="4" style="97" customWidth="1"/>
    <col min="12323" max="12323" width="2.125" style="97" customWidth="1"/>
    <col min="12324" max="12325" width="5.625" style="97" customWidth="1"/>
    <col min="12326" max="12544" width="9" style="97"/>
    <col min="12545" max="12545" width="2.125" style="97" customWidth="1"/>
    <col min="12546" max="12555" width="3.625" style="97" customWidth="1"/>
    <col min="12556" max="12556" width="5.625" style="97" customWidth="1"/>
    <col min="12557" max="12562" width="3.625" style="97" customWidth="1"/>
    <col min="12563" max="12563" width="5.625" style="97" customWidth="1"/>
    <col min="12564" max="12569" width="3.625" style="97" customWidth="1"/>
    <col min="12570" max="12570" width="5.625" style="97" customWidth="1"/>
    <col min="12571" max="12576" width="3.625" style="97" customWidth="1"/>
    <col min="12577" max="12577" width="5.625" style="97" customWidth="1"/>
    <col min="12578" max="12578" width="4" style="97" customWidth="1"/>
    <col min="12579" max="12579" width="2.125" style="97" customWidth="1"/>
    <col min="12580" max="12581" width="5.625" style="97" customWidth="1"/>
    <col min="12582" max="12800" width="9" style="97"/>
    <col min="12801" max="12801" width="2.125" style="97" customWidth="1"/>
    <col min="12802" max="12811" width="3.625" style="97" customWidth="1"/>
    <col min="12812" max="12812" width="5.625" style="97" customWidth="1"/>
    <col min="12813" max="12818" width="3.625" style="97" customWidth="1"/>
    <col min="12819" max="12819" width="5.625" style="97" customWidth="1"/>
    <col min="12820" max="12825" width="3.625" style="97" customWidth="1"/>
    <col min="12826" max="12826" width="5.625" style="97" customWidth="1"/>
    <col min="12827" max="12832" width="3.625" style="97" customWidth="1"/>
    <col min="12833" max="12833" width="5.625" style="97" customWidth="1"/>
    <col min="12834" max="12834" width="4" style="97" customWidth="1"/>
    <col min="12835" max="12835" width="2.125" style="97" customWidth="1"/>
    <col min="12836" max="12837" width="5.625" style="97" customWidth="1"/>
    <col min="12838" max="13056" width="9" style="97"/>
    <col min="13057" max="13057" width="2.125" style="97" customWidth="1"/>
    <col min="13058" max="13067" width="3.625" style="97" customWidth="1"/>
    <col min="13068" max="13068" width="5.625" style="97" customWidth="1"/>
    <col min="13069" max="13074" width="3.625" style="97" customWidth="1"/>
    <col min="13075" max="13075" width="5.625" style="97" customWidth="1"/>
    <col min="13076" max="13081" width="3.625" style="97" customWidth="1"/>
    <col min="13082" max="13082" width="5.625" style="97" customWidth="1"/>
    <col min="13083" max="13088" width="3.625" style="97" customWidth="1"/>
    <col min="13089" max="13089" width="5.625" style="97" customWidth="1"/>
    <col min="13090" max="13090" width="4" style="97" customWidth="1"/>
    <col min="13091" max="13091" width="2.125" style="97" customWidth="1"/>
    <col min="13092" max="13093" width="5.625" style="97" customWidth="1"/>
    <col min="13094" max="13312" width="9" style="97"/>
    <col min="13313" max="13313" width="2.125" style="97" customWidth="1"/>
    <col min="13314" max="13323" width="3.625" style="97" customWidth="1"/>
    <col min="13324" max="13324" width="5.625" style="97" customWidth="1"/>
    <col min="13325" max="13330" width="3.625" style="97" customWidth="1"/>
    <col min="13331" max="13331" width="5.625" style="97" customWidth="1"/>
    <col min="13332" max="13337" width="3.625" style="97" customWidth="1"/>
    <col min="13338" max="13338" width="5.625" style="97" customWidth="1"/>
    <col min="13339" max="13344" width="3.625" style="97" customWidth="1"/>
    <col min="13345" max="13345" width="5.625" style="97" customWidth="1"/>
    <col min="13346" max="13346" width="4" style="97" customWidth="1"/>
    <col min="13347" max="13347" width="2.125" style="97" customWidth="1"/>
    <col min="13348" max="13349" width="5.625" style="97" customWidth="1"/>
    <col min="13350" max="13568" width="9" style="97"/>
    <col min="13569" max="13569" width="2.125" style="97" customWidth="1"/>
    <col min="13570" max="13579" width="3.625" style="97" customWidth="1"/>
    <col min="13580" max="13580" width="5.625" style="97" customWidth="1"/>
    <col min="13581" max="13586" width="3.625" style="97" customWidth="1"/>
    <col min="13587" max="13587" width="5.625" style="97" customWidth="1"/>
    <col min="13588" max="13593" width="3.625" style="97" customWidth="1"/>
    <col min="13594" max="13594" width="5.625" style="97" customWidth="1"/>
    <col min="13595" max="13600" width="3.625" style="97" customWidth="1"/>
    <col min="13601" max="13601" width="5.625" style="97" customWidth="1"/>
    <col min="13602" max="13602" width="4" style="97" customWidth="1"/>
    <col min="13603" max="13603" width="2.125" style="97" customWidth="1"/>
    <col min="13604" max="13605" width="5.625" style="97" customWidth="1"/>
    <col min="13606" max="13824" width="9" style="97"/>
    <col min="13825" max="13825" width="2.125" style="97" customWidth="1"/>
    <col min="13826" max="13835" width="3.625" style="97" customWidth="1"/>
    <col min="13836" max="13836" width="5.625" style="97" customWidth="1"/>
    <col min="13837" max="13842" width="3.625" style="97" customWidth="1"/>
    <col min="13843" max="13843" width="5.625" style="97" customWidth="1"/>
    <col min="13844" max="13849" width="3.625" style="97" customWidth="1"/>
    <col min="13850" max="13850" width="5.625" style="97" customWidth="1"/>
    <col min="13851" max="13856" width="3.625" style="97" customWidth="1"/>
    <col min="13857" max="13857" width="5.625" style="97" customWidth="1"/>
    <col min="13858" max="13858" width="4" style="97" customWidth="1"/>
    <col min="13859" max="13859" width="2.125" style="97" customWidth="1"/>
    <col min="13860" max="13861" width="5.625" style="97" customWidth="1"/>
    <col min="13862" max="14080" width="9" style="97"/>
    <col min="14081" max="14081" width="2.125" style="97" customWidth="1"/>
    <col min="14082" max="14091" width="3.625" style="97" customWidth="1"/>
    <col min="14092" max="14092" width="5.625" style="97" customWidth="1"/>
    <col min="14093" max="14098" width="3.625" style="97" customWidth="1"/>
    <col min="14099" max="14099" width="5.625" style="97" customWidth="1"/>
    <col min="14100" max="14105" width="3.625" style="97" customWidth="1"/>
    <col min="14106" max="14106" width="5.625" style="97" customWidth="1"/>
    <col min="14107" max="14112" width="3.625" style="97" customWidth="1"/>
    <col min="14113" max="14113" width="5.625" style="97" customWidth="1"/>
    <col min="14114" max="14114" width="4" style="97" customWidth="1"/>
    <col min="14115" max="14115" width="2.125" style="97" customWidth="1"/>
    <col min="14116" max="14117" width="5.625" style="97" customWidth="1"/>
    <col min="14118" max="14336" width="9" style="97"/>
    <col min="14337" max="14337" width="2.125" style="97" customWidth="1"/>
    <col min="14338" max="14347" width="3.625" style="97" customWidth="1"/>
    <col min="14348" max="14348" width="5.625" style="97" customWidth="1"/>
    <col min="14349" max="14354" width="3.625" style="97" customWidth="1"/>
    <col min="14355" max="14355" width="5.625" style="97" customWidth="1"/>
    <col min="14356" max="14361" width="3.625" style="97" customWidth="1"/>
    <col min="14362" max="14362" width="5.625" style="97" customWidth="1"/>
    <col min="14363" max="14368" width="3.625" style="97" customWidth="1"/>
    <col min="14369" max="14369" width="5.625" style="97" customWidth="1"/>
    <col min="14370" max="14370" width="4" style="97" customWidth="1"/>
    <col min="14371" max="14371" width="2.125" style="97" customWidth="1"/>
    <col min="14372" max="14373" width="5.625" style="97" customWidth="1"/>
    <col min="14374" max="14592" width="9" style="97"/>
    <col min="14593" max="14593" width="2.125" style="97" customWidth="1"/>
    <col min="14594" max="14603" width="3.625" style="97" customWidth="1"/>
    <col min="14604" max="14604" width="5.625" style="97" customWidth="1"/>
    <col min="14605" max="14610" width="3.625" style="97" customWidth="1"/>
    <col min="14611" max="14611" width="5.625" style="97" customWidth="1"/>
    <col min="14612" max="14617" width="3.625" style="97" customWidth="1"/>
    <col min="14618" max="14618" width="5.625" style="97" customWidth="1"/>
    <col min="14619" max="14624" width="3.625" style="97" customWidth="1"/>
    <col min="14625" max="14625" width="5.625" style="97" customWidth="1"/>
    <col min="14626" max="14626" width="4" style="97" customWidth="1"/>
    <col min="14627" max="14627" width="2.125" style="97" customWidth="1"/>
    <col min="14628" max="14629" width="5.625" style="97" customWidth="1"/>
    <col min="14630" max="14848" width="9" style="97"/>
    <col min="14849" max="14849" width="2.125" style="97" customWidth="1"/>
    <col min="14850" max="14859" width="3.625" style="97" customWidth="1"/>
    <col min="14860" max="14860" width="5.625" style="97" customWidth="1"/>
    <col min="14861" max="14866" width="3.625" style="97" customWidth="1"/>
    <col min="14867" max="14867" width="5.625" style="97" customWidth="1"/>
    <col min="14868" max="14873" width="3.625" style="97" customWidth="1"/>
    <col min="14874" max="14874" width="5.625" style="97" customWidth="1"/>
    <col min="14875" max="14880" width="3.625" style="97" customWidth="1"/>
    <col min="14881" max="14881" width="5.625" style="97" customWidth="1"/>
    <col min="14882" max="14882" width="4" style="97" customWidth="1"/>
    <col min="14883" max="14883" width="2.125" style="97" customWidth="1"/>
    <col min="14884" max="14885" width="5.625" style="97" customWidth="1"/>
    <col min="14886" max="15104" width="9" style="97"/>
    <col min="15105" max="15105" width="2.125" style="97" customWidth="1"/>
    <col min="15106" max="15115" width="3.625" style="97" customWidth="1"/>
    <col min="15116" max="15116" width="5.625" style="97" customWidth="1"/>
    <col min="15117" max="15122" width="3.625" style="97" customWidth="1"/>
    <col min="15123" max="15123" width="5.625" style="97" customWidth="1"/>
    <col min="15124" max="15129" width="3.625" style="97" customWidth="1"/>
    <col min="15130" max="15130" width="5.625" style="97" customWidth="1"/>
    <col min="15131" max="15136" width="3.625" style="97" customWidth="1"/>
    <col min="15137" max="15137" width="5.625" style="97" customWidth="1"/>
    <col min="15138" max="15138" width="4" style="97" customWidth="1"/>
    <col min="15139" max="15139" width="2.125" style="97" customWidth="1"/>
    <col min="15140" max="15141" width="5.625" style="97" customWidth="1"/>
    <col min="15142" max="15360" width="9" style="97"/>
    <col min="15361" max="15361" width="2.125" style="97" customWidth="1"/>
    <col min="15362" max="15371" width="3.625" style="97" customWidth="1"/>
    <col min="15372" max="15372" width="5.625" style="97" customWidth="1"/>
    <col min="15373" max="15378" width="3.625" style="97" customWidth="1"/>
    <col min="15379" max="15379" width="5.625" style="97" customWidth="1"/>
    <col min="15380" max="15385" width="3.625" style="97" customWidth="1"/>
    <col min="15386" max="15386" width="5.625" style="97" customWidth="1"/>
    <col min="15387" max="15392" width="3.625" style="97" customWidth="1"/>
    <col min="15393" max="15393" width="5.625" style="97" customWidth="1"/>
    <col min="15394" max="15394" width="4" style="97" customWidth="1"/>
    <col min="15395" max="15395" width="2.125" style="97" customWidth="1"/>
    <col min="15396" max="15397" width="5.625" style="97" customWidth="1"/>
    <col min="15398" max="15616" width="9" style="97"/>
    <col min="15617" max="15617" width="2.125" style="97" customWidth="1"/>
    <col min="15618" max="15627" width="3.625" style="97" customWidth="1"/>
    <col min="15628" max="15628" width="5.625" style="97" customWidth="1"/>
    <col min="15629" max="15634" width="3.625" style="97" customWidth="1"/>
    <col min="15635" max="15635" width="5.625" style="97" customWidth="1"/>
    <col min="15636" max="15641" width="3.625" style="97" customWidth="1"/>
    <col min="15642" max="15642" width="5.625" style="97" customWidth="1"/>
    <col min="15643" max="15648" width="3.625" style="97" customWidth="1"/>
    <col min="15649" max="15649" width="5.625" style="97" customWidth="1"/>
    <col min="15650" max="15650" width="4" style="97" customWidth="1"/>
    <col min="15651" max="15651" width="2.125" style="97" customWidth="1"/>
    <col min="15652" max="15653" width="5.625" style="97" customWidth="1"/>
    <col min="15654" max="15872" width="9" style="97"/>
    <col min="15873" max="15873" width="2.125" style="97" customWidth="1"/>
    <col min="15874" max="15883" width="3.625" style="97" customWidth="1"/>
    <col min="15884" max="15884" width="5.625" style="97" customWidth="1"/>
    <col min="15885" max="15890" width="3.625" style="97" customWidth="1"/>
    <col min="15891" max="15891" width="5.625" style="97" customWidth="1"/>
    <col min="15892" max="15897" width="3.625" style="97" customWidth="1"/>
    <col min="15898" max="15898" width="5.625" style="97" customWidth="1"/>
    <col min="15899" max="15904" width="3.625" style="97" customWidth="1"/>
    <col min="15905" max="15905" width="5.625" style="97" customWidth="1"/>
    <col min="15906" max="15906" width="4" style="97" customWidth="1"/>
    <col min="15907" max="15907" width="2.125" style="97" customWidth="1"/>
    <col min="15908" max="15909" width="5.625" style="97" customWidth="1"/>
    <col min="15910" max="16128" width="9" style="97"/>
    <col min="16129" max="16129" width="2.125" style="97" customWidth="1"/>
    <col min="16130" max="16139" width="3.625" style="97" customWidth="1"/>
    <col min="16140" max="16140" width="5.625" style="97" customWidth="1"/>
    <col min="16141" max="16146" width="3.625" style="97" customWidth="1"/>
    <col min="16147" max="16147" width="5.625" style="97" customWidth="1"/>
    <col min="16148" max="16153" width="3.625" style="97" customWidth="1"/>
    <col min="16154" max="16154" width="5.625" style="97" customWidth="1"/>
    <col min="16155" max="16160" width="3.625" style="97" customWidth="1"/>
    <col min="16161" max="16161" width="5.625" style="97" customWidth="1"/>
    <col min="16162" max="16162" width="4" style="97" customWidth="1"/>
    <col min="16163" max="16163" width="2.125" style="97" customWidth="1"/>
    <col min="16164" max="16165" width="5.625" style="97" customWidth="1"/>
    <col min="16166" max="16384" width="9" style="97"/>
  </cols>
  <sheetData>
    <row r="1" spans="2:34">
      <c r="B1" s="96"/>
      <c r="C1" s="96"/>
      <c r="D1" s="96"/>
      <c r="M1" s="98"/>
      <c r="N1" s="99"/>
      <c r="O1" s="99"/>
      <c r="P1" s="99"/>
      <c r="T1" s="99"/>
      <c r="U1" s="99"/>
      <c r="V1" s="99"/>
      <c r="W1" s="99"/>
      <c r="X1" s="99"/>
      <c r="Y1" s="99"/>
      <c r="AB1" s="98"/>
      <c r="AC1" s="99"/>
      <c r="AD1" s="99"/>
      <c r="AE1" s="100" t="s">
        <v>206</v>
      </c>
      <c r="AF1" s="99"/>
      <c r="AG1" s="99"/>
      <c r="AH1" s="99"/>
    </row>
    <row r="2" spans="2:34" ht="5.0999999999999996" customHeight="1">
      <c r="M2" s="98"/>
      <c r="N2" s="99"/>
      <c r="O2" s="99"/>
      <c r="P2" s="99"/>
      <c r="Q2" s="98"/>
      <c r="R2" s="99"/>
      <c r="S2" s="99"/>
      <c r="T2" s="99"/>
      <c r="U2" s="99"/>
      <c r="V2" s="99"/>
      <c r="W2" s="99"/>
      <c r="X2" s="99"/>
      <c r="Y2" s="99"/>
      <c r="Z2" s="99"/>
      <c r="AA2" s="99"/>
      <c r="AB2" s="99"/>
      <c r="AC2" s="99"/>
      <c r="AD2" s="99"/>
      <c r="AE2" s="99"/>
      <c r="AF2" s="99"/>
      <c r="AG2" s="99"/>
      <c r="AH2" s="99"/>
    </row>
    <row r="3" spans="2:34" ht="27" customHeight="1">
      <c r="B3" s="272" t="s">
        <v>207</v>
      </c>
      <c r="C3" s="272"/>
      <c r="D3" s="272"/>
      <c r="E3" s="272"/>
      <c r="F3" s="272"/>
      <c r="G3" s="272"/>
      <c r="H3" s="272"/>
      <c r="I3" s="272"/>
      <c r="J3" s="272"/>
      <c r="K3" s="272"/>
      <c r="L3" s="272"/>
      <c r="M3" s="272"/>
      <c r="N3" s="272"/>
      <c r="O3" s="272"/>
      <c r="P3" s="272"/>
      <c r="Q3" s="272"/>
      <c r="R3" s="272"/>
      <c r="S3" s="272"/>
      <c r="T3" s="272"/>
      <c r="U3" s="272"/>
      <c r="V3" s="272"/>
      <c r="W3" s="272"/>
      <c r="X3" s="272"/>
      <c r="Y3" s="272"/>
      <c r="Z3" s="272"/>
      <c r="AA3" s="272"/>
      <c r="AB3" s="272"/>
      <c r="AC3" s="272"/>
      <c r="AD3" s="272"/>
      <c r="AE3" s="272"/>
      <c r="AF3" s="272"/>
      <c r="AG3" s="272"/>
      <c r="AH3" s="272"/>
    </row>
    <row r="4" spans="2:34" ht="5.0999999999999996" customHeight="1">
      <c r="B4" s="99"/>
      <c r="C4" s="99"/>
      <c r="D4" s="99"/>
      <c r="E4" s="99"/>
      <c r="F4" s="99"/>
      <c r="G4" s="99"/>
      <c r="H4" s="99"/>
      <c r="I4" s="99"/>
      <c r="J4" s="99"/>
      <c r="K4" s="99"/>
      <c r="L4" s="99"/>
      <c r="M4" s="99"/>
      <c r="N4" s="99"/>
      <c r="O4" s="99"/>
      <c r="P4" s="99"/>
      <c r="Q4" s="99"/>
      <c r="R4" s="99"/>
      <c r="S4" s="99"/>
      <c r="T4" s="99"/>
      <c r="U4" s="99"/>
      <c r="V4" s="99"/>
      <c r="W4" s="99"/>
      <c r="X4" s="99"/>
      <c r="Y4" s="99"/>
      <c r="Z4" s="99"/>
      <c r="AA4" s="99"/>
      <c r="AB4" s="99"/>
      <c r="AC4" s="99"/>
      <c r="AD4" s="99"/>
      <c r="AE4" s="99"/>
      <c r="AF4" s="99"/>
      <c r="AG4" s="99"/>
      <c r="AH4" s="99"/>
    </row>
    <row r="5" spans="2:34">
      <c r="B5" s="99"/>
      <c r="C5" s="99"/>
      <c r="D5" s="99"/>
      <c r="E5" s="99"/>
      <c r="F5" s="99"/>
      <c r="G5" s="99"/>
      <c r="H5" s="99"/>
      <c r="I5" s="99"/>
      <c r="J5" s="99"/>
      <c r="K5" s="99"/>
      <c r="L5" s="99"/>
      <c r="M5" s="99"/>
      <c r="N5" s="99"/>
      <c r="O5" s="99"/>
      <c r="P5" s="98" t="s">
        <v>208</v>
      </c>
      <c r="Q5" s="273"/>
      <c r="R5" s="273"/>
      <c r="S5" s="273"/>
      <c r="T5" s="273"/>
      <c r="U5" s="273"/>
      <c r="V5" s="273"/>
      <c r="W5" s="273"/>
      <c r="X5" s="273"/>
      <c r="Y5" s="273"/>
      <c r="Z5" s="273"/>
      <c r="AA5" s="273"/>
      <c r="AB5" s="273"/>
      <c r="AC5" s="273"/>
      <c r="AD5" s="273"/>
      <c r="AE5" s="273"/>
      <c r="AF5" s="273"/>
      <c r="AG5" s="273"/>
      <c r="AH5" s="273"/>
    </row>
    <row r="6" spans="2:34">
      <c r="B6" s="99"/>
      <c r="C6" s="99"/>
      <c r="D6" s="99"/>
      <c r="E6" s="99"/>
      <c r="F6" s="99"/>
      <c r="G6" s="99"/>
      <c r="H6" s="99"/>
      <c r="I6" s="99"/>
      <c r="J6" s="99"/>
      <c r="K6" s="99"/>
      <c r="L6" s="99"/>
      <c r="M6" s="99"/>
      <c r="N6" s="99"/>
      <c r="O6" s="99"/>
      <c r="P6" s="98" t="s">
        <v>209</v>
      </c>
      <c r="Q6" s="274"/>
      <c r="R6" s="274"/>
      <c r="S6" s="274"/>
      <c r="T6" s="274"/>
      <c r="U6" s="274"/>
      <c r="V6" s="274"/>
      <c r="W6" s="274"/>
      <c r="X6" s="274"/>
      <c r="Y6" s="274"/>
      <c r="Z6" s="274"/>
      <c r="AA6" s="274"/>
      <c r="AB6" s="274"/>
      <c r="AC6" s="274"/>
      <c r="AD6" s="274"/>
      <c r="AE6" s="274"/>
      <c r="AF6" s="274"/>
      <c r="AG6" s="274"/>
      <c r="AH6" s="274"/>
    </row>
    <row r="7" spans="2:34" ht="10.5" customHeight="1">
      <c r="B7" s="99"/>
      <c r="C7" s="99"/>
      <c r="D7" s="99"/>
      <c r="E7" s="99"/>
      <c r="F7" s="99"/>
      <c r="G7" s="99"/>
      <c r="H7" s="99"/>
      <c r="I7" s="99"/>
      <c r="J7" s="99"/>
      <c r="K7" s="99"/>
      <c r="L7" s="99"/>
      <c r="M7" s="99"/>
      <c r="N7" s="99"/>
      <c r="O7" s="99"/>
      <c r="P7" s="99"/>
      <c r="Q7" s="99"/>
      <c r="R7" s="99"/>
      <c r="S7" s="99"/>
      <c r="T7" s="99"/>
      <c r="U7" s="99"/>
      <c r="V7" s="99"/>
      <c r="W7" s="99"/>
      <c r="X7" s="99"/>
      <c r="Y7" s="99"/>
      <c r="Z7" s="99"/>
      <c r="AA7" s="99"/>
      <c r="AB7" s="99"/>
      <c r="AC7" s="99"/>
      <c r="AD7" s="99"/>
      <c r="AE7" s="99"/>
      <c r="AF7" s="99"/>
      <c r="AG7" s="99"/>
      <c r="AH7" s="99"/>
    </row>
    <row r="8" spans="2:34">
      <c r="B8" s="97" t="s">
        <v>210</v>
      </c>
    </row>
    <row r="9" spans="2:34">
      <c r="C9" s="101" t="s">
        <v>7</v>
      </c>
      <c r="D9" s="97" t="s">
        <v>211</v>
      </c>
      <c r="J9" s="101" t="s">
        <v>7</v>
      </c>
      <c r="K9" s="97" t="s">
        <v>212</v>
      </c>
    </row>
    <row r="10" spans="2:34" ht="10.5" customHeight="1"/>
    <row r="11" spans="2:34">
      <c r="B11" s="97" t="s">
        <v>213</v>
      </c>
    </row>
    <row r="12" spans="2:34">
      <c r="C12" s="101" t="s">
        <v>7</v>
      </c>
      <c r="D12" s="97" t="s">
        <v>214</v>
      </c>
    </row>
    <row r="13" spans="2:34">
      <c r="C13" s="101" t="s">
        <v>7</v>
      </c>
      <c r="D13" s="97" t="s">
        <v>215</v>
      </c>
    </row>
    <row r="14" spans="2:34" ht="10.5" customHeight="1"/>
    <row r="15" spans="2:34">
      <c r="B15" s="97" t="s">
        <v>216</v>
      </c>
    </row>
    <row r="16" spans="2:34" ht="60" customHeight="1">
      <c r="B16" s="275"/>
      <c r="C16" s="276"/>
      <c r="D16" s="276"/>
      <c r="E16" s="277"/>
      <c r="F16" s="278" t="s">
        <v>217</v>
      </c>
      <c r="G16" s="279"/>
      <c r="H16" s="279"/>
      <c r="I16" s="279"/>
      <c r="J16" s="279"/>
      <c r="K16" s="279"/>
      <c r="L16" s="280"/>
      <c r="M16" s="278" t="s">
        <v>218</v>
      </c>
      <c r="N16" s="279"/>
      <c r="O16" s="279"/>
      <c r="P16" s="279"/>
      <c r="Q16" s="279"/>
      <c r="R16" s="279"/>
      <c r="S16" s="280"/>
      <c r="T16" s="278" t="s">
        <v>219</v>
      </c>
      <c r="U16" s="279"/>
      <c r="V16" s="279"/>
      <c r="W16" s="279"/>
      <c r="X16" s="279"/>
      <c r="Y16" s="279"/>
      <c r="Z16" s="280"/>
      <c r="AA16" s="278" t="s">
        <v>220</v>
      </c>
      <c r="AB16" s="279"/>
      <c r="AC16" s="279"/>
      <c r="AD16" s="279"/>
      <c r="AE16" s="279"/>
      <c r="AF16" s="279"/>
      <c r="AG16" s="280"/>
    </row>
    <row r="17" spans="2:33">
      <c r="B17" s="275">
        <v>4</v>
      </c>
      <c r="C17" s="276"/>
      <c r="D17" s="276" t="s">
        <v>176</v>
      </c>
      <c r="E17" s="277"/>
      <c r="F17" s="281"/>
      <c r="G17" s="282"/>
      <c r="H17" s="282"/>
      <c r="I17" s="282"/>
      <c r="J17" s="282"/>
      <c r="K17" s="282"/>
      <c r="L17" s="102" t="s">
        <v>221</v>
      </c>
      <c r="M17" s="281"/>
      <c r="N17" s="282"/>
      <c r="O17" s="282"/>
      <c r="P17" s="282"/>
      <c r="Q17" s="282"/>
      <c r="R17" s="282"/>
      <c r="S17" s="102" t="s">
        <v>221</v>
      </c>
      <c r="T17" s="281"/>
      <c r="U17" s="282"/>
      <c r="V17" s="282"/>
      <c r="W17" s="282"/>
      <c r="X17" s="282"/>
      <c r="Y17" s="282"/>
      <c r="Z17" s="102" t="s">
        <v>221</v>
      </c>
      <c r="AA17" s="281"/>
      <c r="AB17" s="282"/>
      <c r="AC17" s="282"/>
      <c r="AD17" s="282"/>
      <c r="AE17" s="282"/>
      <c r="AF17" s="282"/>
      <c r="AG17" s="102" t="s">
        <v>221</v>
      </c>
    </row>
    <row r="18" spans="2:33">
      <c r="B18" s="275">
        <v>5</v>
      </c>
      <c r="C18" s="276"/>
      <c r="D18" s="276" t="s">
        <v>176</v>
      </c>
      <c r="E18" s="277"/>
      <c r="F18" s="281"/>
      <c r="G18" s="282"/>
      <c r="H18" s="282"/>
      <c r="I18" s="282"/>
      <c r="J18" s="282"/>
      <c r="K18" s="282"/>
      <c r="L18" s="102" t="s">
        <v>221</v>
      </c>
      <c r="M18" s="281"/>
      <c r="N18" s="282"/>
      <c r="O18" s="282"/>
      <c r="P18" s="282"/>
      <c r="Q18" s="282"/>
      <c r="R18" s="282"/>
      <c r="S18" s="102" t="s">
        <v>221</v>
      </c>
      <c r="T18" s="281"/>
      <c r="U18" s="282"/>
      <c r="V18" s="282"/>
      <c r="W18" s="282"/>
      <c r="X18" s="282"/>
      <c r="Y18" s="282"/>
      <c r="Z18" s="102" t="s">
        <v>221</v>
      </c>
      <c r="AA18" s="281"/>
      <c r="AB18" s="282"/>
      <c r="AC18" s="282"/>
      <c r="AD18" s="282"/>
      <c r="AE18" s="282"/>
      <c r="AF18" s="282"/>
      <c r="AG18" s="102" t="s">
        <v>221</v>
      </c>
    </row>
    <row r="19" spans="2:33">
      <c r="B19" s="275">
        <v>6</v>
      </c>
      <c r="C19" s="276"/>
      <c r="D19" s="276" t="s">
        <v>176</v>
      </c>
      <c r="E19" s="277"/>
      <c r="F19" s="281"/>
      <c r="G19" s="282"/>
      <c r="H19" s="282"/>
      <c r="I19" s="282"/>
      <c r="J19" s="282"/>
      <c r="K19" s="282"/>
      <c r="L19" s="102" t="s">
        <v>221</v>
      </c>
      <c r="M19" s="281"/>
      <c r="N19" s="282"/>
      <c r="O19" s="282"/>
      <c r="P19" s="282"/>
      <c r="Q19" s="282"/>
      <c r="R19" s="282"/>
      <c r="S19" s="102" t="s">
        <v>221</v>
      </c>
      <c r="T19" s="281"/>
      <c r="U19" s="282"/>
      <c r="V19" s="282"/>
      <c r="W19" s="282"/>
      <c r="X19" s="282"/>
      <c r="Y19" s="282"/>
      <c r="Z19" s="102" t="s">
        <v>221</v>
      </c>
      <c r="AA19" s="281"/>
      <c r="AB19" s="282"/>
      <c r="AC19" s="282"/>
      <c r="AD19" s="282"/>
      <c r="AE19" s="282"/>
      <c r="AF19" s="282"/>
      <c r="AG19" s="102" t="s">
        <v>221</v>
      </c>
    </row>
    <row r="20" spans="2:33">
      <c r="B20" s="275">
        <v>7</v>
      </c>
      <c r="C20" s="276"/>
      <c r="D20" s="276" t="s">
        <v>176</v>
      </c>
      <c r="E20" s="277"/>
      <c r="F20" s="281"/>
      <c r="G20" s="282"/>
      <c r="H20" s="282"/>
      <c r="I20" s="282"/>
      <c r="J20" s="282"/>
      <c r="K20" s="282"/>
      <c r="L20" s="102" t="s">
        <v>221</v>
      </c>
      <c r="M20" s="281"/>
      <c r="N20" s="282"/>
      <c r="O20" s="282"/>
      <c r="P20" s="282"/>
      <c r="Q20" s="282"/>
      <c r="R20" s="282"/>
      <c r="S20" s="102" t="s">
        <v>221</v>
      </c>
      <c r="T20" s="281"/>
      <c r="U20" s="282"/>
      <c r="V20" s="282"/>
      <c r="W20" s="282"/>
      <c r="X20" s="282"/>
      <c r="Y20" s="282"/>
      <c r="Z20" s="102" t="s">
        <v>221</v>
      </c>
      <c r="AA20" s="281"/>
      <c r="AB20" s="282"/>
      <c r="AC20" s="282"/>
      <c r="AD20" s="282"/>
      <c r="AE20" s="282"/>
      <c r="AF20" s="282"/>
      <c r="AG20" s="102" t="s">
        <v>221</v>
      </c>
    </row>
    <row r="21" spans="2:33" ht="13.5" customHeight="1">
      <c r="B21" s="275">
        <v>8</v>
      </c>
      <c r="C21" s="276"/>
      <c r="D21" s="276" t="s">
        <v>176</v>
      </c>
      <c r="E21" s="277"/>
      <c r="F21" s="281"/>
      <c r="G21" s="282"/>
      <c r="H21" s="282"/>
      <c r="I21" s="282"/>
      <c r="J21" s="282"/>
      <c r="K21" s="282"/>
      <c r="L21" s="102" t="s">
        <v>221</v>
      </c>
      <c r="M21" s="281"/>
      <c r="N21" s="282"/>
      <c r="O21" s="282"/>
      <c r="P21" s="282"/>
      <c r="Q21" s="282"/>
      <c r="R21" s="282"/>
      <c r="S21" s="102" t="s">
        <v>221</v>
      </c>
      <c r="T21" s="281"/>
      <c r="U21" s="282"/>
      <c r="V21" s="282"/>
      <c r="W21" s="282"/>
      <c r="X21" s="282"/>
      <c r="Y21" s="282"/>
      <c r="Z21" s="102" t="s">
        <v>221</v>
      </c>
      <c r="AA21" s="281"/>
      <c r="AB21" s="282"/>
      <c r="AC21" s="282"/>
      <c r="AD21" s="282"/>
      <c r="AE21" s="282"/>
      <c r="AF21" s="282"/>
      <c r="AG21" s="102" t="s">
        <v>221</v>
      </c>
    </row>
    <row r="22" spans="2:33">
      <c r="B22" s="275">
        <v>9</v>
      </c>
      <c r="C22" s="276"/>
      <c r="D22" s="276" t="s">
        <v>176</v>
      </c>
      <c r="E22" s="277"/>
      <c r="F22" s="281"/>
      <c r="G22" s="282"/>
      <c r="H22" s="282"/>
      <c r="I22" s="282"/>
      <c r="J22" s="282"/>
      <c r="K22" s="282"/>
      <c r="L22" s="102" t="s">
        <v>221</v>
      </c>
      <c r="M22" s="281"/>
      <c r="N22" s="282"/>
      <c r="O22" s="282"/>
      <c r="P22" s="282"/>
      <c r="Q22" s="282"/>
      <c r="R22" s="282"/>
      <c r="S22" s="102" t="s">
        <v>221</v>
      </c>
      <c r="T22" s="281"/>
      <c r="U22" s="282"/>
      <c r="V22" s="282"/>
      <c r="W22" s="282"/>
      <c r="X22" s="282"/>
      <c r="Y22" s="282"/>
      <c r="Z22" s="102" t="s">
        <v>221</v>
      </c>
      <c r="AA22" s="281"/>
      <c r="AB22" s="282"/>
      <c r="AC22" s="282"/>
      <c r="AD22" s="282"/>
      <c r="AE22" s="282"/>
      <c r="AF22" s="282"/>
      <c r="AG22" s="102" t="s">
        <v>221</v>
      </c>
    </row>
    <row r="23" spans="2:33" ht="13.5" customHeight="1">
      <c r="B23" s="275">
        <v>10</v>
      </c>
      <c r="C23" s="276"/>
      <c r="D23" s="276" t="s">
        <v>176</v>
      </c>
      <c r="E23" s="277"/>
      <c r="F23" s="281"/>
      <c r="G23" s="282"/>
      <c r="H23" s="282"/>
      <c r="I23" s="282"/>
      <c r="J23" s="282"/>
      <c r="K23" s="282"/>
      <c r="L23" s="102" t="s">
        <v>221</v>
      </c>
      <c r="M23" s="281"/>
      <c r="N23" s="282"/>
      <c r="O23" s="282"/>
      <c r="P23" s="282"/>
      <c r="Q23" s="282"/>
      <c r="R23" s="282"/>
      <c r="S23" s="102" t="s">
        <v>221</v>
      </c>
      <c r="T23" s="281"/>
      <c r="U23" s="282"/>
      <c r="V23" s="282"/>
      <c r="W23" s="282"/>
      <c r="X23" s="282"/>
      <c r="Y23" s="282"/>
      <c r="Z23" s="102" t="s">
        <v>221</v>
      </c>
      <c r="AA23" s="281"/>
      <c r="AB23" s="282"/>
      <c r="AC23" s="282"/>
      <c r="AD23" s="282"/>
      <c r="AE23" s="282"/>
      <c r="AF23" s="282"/>
      <c r="AG23" s="102" t="s">
        <v>221</v>
      </c>
    </row>
    <row r="24" spans="2:33" ht="13.5" customHeight="1">
      <c r="B24" s="275">
        <v>11</v>
      </c>
      <c r="C24" s="276"/>
      <c r="D24" s="276" t="s">
        <v>176</v>
      </c>
      <c r="E24" s="277"/>
      <c r="F24" s="281"/>
      <c r="G24" s="282"/>
      <c r="H24" s="282"/>
      <c r="I24" s="282"/>
      <c r="J24" s="282"/>
      <c r="K24" s="282"/>
      <c r="L24" s="102" t="s">
        <v>221</v>
      </c>
      <c r="M24" s="281"/>
      <c r="N24" s="282"/>
      <c r="O24" s="282"/>
      <c r="P24" s="282"/>
      <c r="Q24" s="282"/>
      <c r="R24" s="282"/>
      <c r="S24" s="102" t="s">
        <v>221</v>
      </c>
      <c r="T24" s="281"/>
      <c r="U24" s="282"/>
      <c r="V24" s="282"/>
      <c r="W24" s="282"/>
      <c r="X24" s="282"/>
      <c r="Y24" s="282"/>
      <c r="Z24" s="102" t="s">
        <v>221</v>
      </c>
      <c r="AA24" s="281"/>
      <c r="AB24" s="282"/>
      <c r="AC24" s="282"/>
      <c r="AD24" s="282"/>
      <c r="AE24" s="282"/>
      <c r="AF24" s="282"/>
      <c r="AG24" s="102" t="s">
        <v>221</v>
      </c>
    </row>
    <row r="25" spans="2:33" ht="13.5" customHeight="1">
      <c r="B25" s="275">
        <v>12</v>
      </c>
      <c r="C25" s="276"/>
      <c r="D25" s="276" t="s">
        <v>176</v>
      </c>
      <c r="E25" s="277"/>
      <c r="F25" s="281"/>
      <c r="G25" s="282"/>
      <c r="H25" s="282"/>
      <c r="I25" s="282"/>
      <c r="J25" s="282"/>
      <c r="K25" s="282"/>
      <c r="L25" s="102" t="s">
        <v>221</v>
      </c>
      <c r="M25" s="281"/>
      <c r="N25" s="282"/>
      <c r="O25" s="282"/>
      <c r="P25" s="282"/>
      <c r="Q25" s="282"/>
      <c r="R25" s="282"/>
      <c r="S25" s="102" t="s">
        <v>221</v>
      </c>
      <c r="T25" s="281"/>
      <c r="U25" s="282"/>
      <c r="V25" s="282"/>
      <c r="W25" s="282"/>
      <c r="X25" s="282"/>
      <c r="Y25" s="282"/>
      <c r="Z25" s="102" t="s">
        <v>221</v>
      </c>
      <c r="AA25" s="281"/>
      <c r="AB25" s="282"/>
      <c r="AC25" s="282"/>
      <c r="AD25" s="282"/>
      <c r="AE25" s="282"/>
      <c r="AF25" s="282"/>
      <c r="AG25" s="102" t="s">
        <v>221</v>
      </c>
    </row>
    <row r="26" spans="2:33" ht="13.5" customHeight="1">
      <c r="B26" s="275">
        <v>1</v>
      </c>
      <c r="C26" s="276"/>
      <c r="D26" s="276" t="s">
        <v>176</v>
      </c>
      <c r="E26" s="277"/>
      <c r="F26" s="281"/>
      <c r="G26" s="282"/>
      <c r="H26" s="282"/>
      <c r="I26" s="282"/>
      <c r="J26" s="282"/>
      <c r="K26" s="282"/>
      <c r="L26" s="102" t="s">
        <v>221</v>
      </c>
      <c r="M26" s="281"/>
      <c r="N26" s="282"/>
      <c r="O26" s="282"/>
      <c r="P26" s="282"/>
      <c r="Q26" s="282"/>
      <c r="R26" s="282"/>
      <c r="S26" s="102" t="s">
        <v>221</v>
      </c>
      <c r="T26" s="281"/>
      <c r="U26" s="282"/>
      <c r="V26" s="282"/>
      <c r="W26" s="282"/>
      <c r="X26" s="282"/>
      <c r="Y26" s="282"/>
      <c r="Z26" s="102" t="s">
        <v>221</v>
      </c>
      <c r="AA26" s="281"/>
      <c r="AB26" s="282"/>
      <c r="AC26" s="282"/>
      <c r="AD26" s="282"/>
      <c r="AE26" s="282"/>
      <c r="AF26" s="282"/>
      <c r="AG26" s="102" t="s">
        <v>221</v>
      </c>
    </row>
    <row r="27" spans="2:33">
      <c r="B27" s="275">
        <v>2</v>
      </c>
      <c r="C27" s="276"/>
      <c r="D27" s="276" t="s">
        <v>176</v>
      </c>
      <c r="E27" s="277"/>
      <c r="F27" s="281"/>
      <c r="G27" s="282"/>
      <c r="H27" s="282"/>
      <c r="I27" s="282"/>
      <c r="J27" s="282"/>
      <c r="K27" s="282"/>
      <c r="L27" s="102" t="s">
        <v>221</v>
      </c>
      <c r="M27" s="281"/>
      <c r="N27" s="282"/>
      <c r="O27" s="282"/>
      <c r="P27" s="282"/>
      <c r="Q27" s="282"/>
      <c r="R27" s="282"/>
      <c r="S27" s="102" t="s">
        <v>221</v>
      </c>
      <c r="T27" s="281"/>
      <c r="U27" s="282"/>
      <c r="V27" s="282"/>
      <c r="W27" s="282"/>
      <c r="X27" s="282"/>
      <c r="Y27" s="282"/>
      <c r="Z27" s="102" t="s">
        <v>221</v>
      </c>
      <c r="AA27" s="281"/>
      <c r="AB27" s="282"/>
      <c r="AC27" s="282"/>
      <c r="AD27" s="282"/>
      <c r="AE27" s="282"/>
      <c r="AF27" s="282"/>
      <c r="AG27" s="102" t="s">
        <v>221</v>
      </c>
    </row>
    <row r="28" spans="2:33">
      <c r="B28" s="275" t="s">
        <v>222</v>
      </c>
      <c r="C28" s="276"/>
      <c r="D28" s="276"/>
      <c r="E28" s="277"/>
      <c r="F28" s="275" t="str">
        <f>IF(SUM(F17:K27)=0,"",SUM(F17:K27))</f>
        <v/>
      </c>
      <c r="G28" s="276"/>
      <c r="H28" s="276"/>
      <c r="I28" s="276"/>
      <c r="J28" s="276"/>
      <c r="K28" s="276"/>
      <c r="L28" s="102" t="s">
        <v>221</v>
      </c>
      <c r="M28" s="275" t="str">
        <f>IF(SUM(M17:R27)=0,"",SUM(M17:R27))</f>
        <v/>
      </c>
      <c r="N28" s="276"/>
      <c r="O28" s="276"/>
      <c r="P28" s="276"/>
      <c r="Q28" s="276"/>
      <c r="R28" s="276"/>
      <c r="S28" s="102" t="s">
        <v>221</v>
      </c>
      <c r="T28" s="275" t="str">
        <f>IF(SUM(T17:Y27)=0,"",SUM(T17:Y27))</f>
        <v/>
      </c>
      <c r="U28" s="276"/>
      <c r="V28" s="276"/>
      <c r="W28" s="276"/>
      <c r="X28" s="276"/>
      <c r="Y28" s="276"/>
      <c r="Z28" s="102" t="s">
        <v>221</v>
      </c>
      <c r="AA28" s="275" t="str">
        <f>IF(SUM(AA17:AF27)=0,"",SUM(AA17:AF27))</f>
        <v/>
      </c>
      <c r="AB28" s="276"/>
      <c r="AC28" s="276"/>
      <c r="AD28" s="276"/>
      <c r="AE28" s="276"/>
      <c r="AF28" s="276"/>
      <c r="AG28" s="102" t="s">
        <v>221</v>
      </c>
    </row>
    <row r="30" spans="2:33" ht="13.5" customHeight="1">
      <c r="B30" s="283" t="s">
        <v>223</v>
      </c>
      <c r="C30" s="284"/>
      <c r="D30" s="284"/>
      <c r="E30" s="285"/>
      <c r="F30" s="289" t="str">
        <f>IF(SUM(M28,T28,AA28)=0,"",SUM(M28,T28,AA28))</f>
        <v/>
      </c>
      <c r="G30" s="290"/>
      <c r="H30" s="290"/>
      <c r="I30" s="290"/>
      <c r="J30" s="290"/>
      <c r="K30" s="291"/>
      <c r="L30" s="295" t="s">
        <v>221</v>
      </c>
    </row>
    <row r="31" spans="2:33" ht="19.5" customHeight="1">
      <c r="B31" s="286"/>
      <c r="C31" s="287"/>
      <c r="D31" s="287"/>
      <c r="E31" s="288"/>
      <c r="F31" s="292"/>
      <c r="G31" s="293"/>
      <c r="H31" s="293"/>
      <c r="I31" s="293"/>
      <c r="J31" s="293"/>
      <c r="K31" s="294"/>
      <c r="L31" s="295"/>
    </row>
    <row r="32" spans="2:33" ht="9" customHeight="1">
      <c r="B32" s="103"/>
      <c r="C32" s="103"/>
      <c r="D32" s="103"/>
      <c r="E32" s="103"/>
      <c r="F32" s="104"/>
      <c r="G32" s="104"/>
      <c r="H32" s="104"/>
      <c r="I32" s="104"/>
      <c r="J32" s="104"/>
      <c r="K32" s="104"/>
      <c r="L32" s="99"/>
    </row>
    <row r="33" spans="1:33" ht="19.5" customHeight="1">
      <c r="B33" s="296" t="s">
        <v>224</v>
      </c>
      <c r="C33" s="297"/>
      <c r="D33" s="297"/>
      <c r="E33" s="298"/>
      <c r="F33" s="302" t="str">
        <f>IF(F28="","",ROUNDDOWN(F30/F28,3))</f>
        <v/>
      </c>
      <c r="G33" s="303"/>
      <c r="H33" s="303"/>
      <c r="I33" s="303"/>
      <c r="J33" s="303"/>
      <c r="K33" s="304"/>
      <c r="L33" s="295" t="s">
        <v>76</v>
      </c>
    </row>
    <row r="34" spans="1:33" ht="19.5" customHeight="1">
      <c r="B34" s="299"/>
      <c r="C34" s="300"/>
      <c r="D34" s="300"/>
      <c r="E34" s="301"/>
      <c r="F34" s="305"/>
      <c r="G34" s="306"/>
      <c r="H34" s="306"/>
      <c r="I34" s="306"/>
      <c r="J34" s="306"/>
      <c r="K34" s="307"/>
      <c r="L34" s="295"/>
    </row>
    <row r="35" spans="1:33" ht="19.5" customHeight="1">
      <c r="B35" s="105"/>
      <c r="C35" s="105"/>
      <c r="D35" s="105"/>
      <c r="E35" s="106"/>
      <c r="F35" s="107"/>
      <c r="G35" s="107"/>
      <c r="H35" s="107"/>
      <c r="I35" s="108"/>
      <c r="J35" s="108"/>
      <c r="K35" s="108"/>
      <c r="L35" s="99"/>
    </row>
    <row r="36" spans="1:33">
      <c r="B36" s="97" t="s">
        <v>225</v>
      </c>
    </row>
    <row r="37" spans="1:33" ht="60" customHeight="1">
      <c r="B37" s="275"/>
      <c r="C37" s="276"/>
      <c r="D37" s="276"/>
      <c r="E37" s="277"/>
      <c r="F37" s="278" t="s">
        <v>217</v>
      </c>
      <c r="G37" s="279"/>
      <c r="H37" s="279"/>
      <c r="I37" s="279"/>
      <c r="J37" s="279"/>
      <c r="K37" s="279"/>
      <c r="L37" s="280"/>
      <c r="M37" s="278" t="s">
        <v>218</v>
      </c>
      <c r="N37" s="279"/>
      <c r="O37" s="279"/>
      <c r="P37" s="279"/>
      <c r="Q37" s="279"/>
      <c r="R37" s="279"/>
      <c r="S37" s="280"/>
      <c r="T37" s="278" t="s">
        <v>219</v>
      </c>
      <c r="U37" s="279"/>
      <c r="V37" s="279"/>
      <c r="W37" s="279"/>
      <c r="X37" s="279"/>
      <c r="Y37" s="279"/>
      <c r="Z37" s="280"/>
      <c r="AA37" s="278" t="s">
        <v>220</v>
      </c>
      <c r="AB37" s="279"/>
      <c r="AC37" s="279"/>
      <c r="AD37" s="279"/>
      <c r="AE37" s="279"/>
      <c r="AF37" s="279"/>
      <c r="AG37" s="280"/>
    </row>
    <row r="38" spans="1:33" ht="13.5" customHeight="1">
      <c r="B38" s="281"/>
      <c r="C38" s="282"/>
      <c r="D38" s="282"/>
      <c r="E38" s="109" t="s">
        <v>176</v>
      </c>
      <c r="F38" s="281"/>
      <c r="G38" s="282"/>
      <c r="H38" s="282"/>
      <c r="I38" s="282"/>
      <c r="J38" s="282"/>
      <c r="K38" s="282"/>
      <c r="L38" s="102" t="s">
        <v>221</v>
      </c>
      <c r="M38" s="281"/>
      <c r="N38" s="282"/>
      <c r="O38" s="282"/>
      <c r="P38" s="282"/>
      <c r="Q38" s="282"/>
      <c r="R38" s="282"/>
      <c r="S38" s="102" t="s">
        <v>221</v>
      </c>
      <c r="T38" s="281"/>
      <c r="U38" s="282"/>
      <c r="V38" s="282"/>
      <c r="W38" s="282"/>
      <c r="X38" s="282"/>
      <c r="Y38" s="282"/>
      <c r="Z38" s="102" t="s">
        <v>221</v>
      </c>
      <c r="AA38" s="281"/>
      <c r="AB38" s="282"/>
      <c r="AC38" s="282"/>
      <c r="AD38" s="282"/>
      <c r="AE38" s="282"/>
      <c r="AF38" s="282"/>
      <c r="AG38" s="102" t="s">
        <v>221</v>
      </c>
    </row>
    <row r="39" spans="1:33">
      <c r="A39" s="110"/>
      <c r="B39" s="292"/>
      <c r="C39" s="282"/>
      <c r="D39" s="293"/>
      <c r="E39" s="111" t="s">
        <v>176</v>
      </c>
      <c r="F39" s="292"/>
      <c r="G39" s="293"/>
      <c r="H39" s="293"/>
      <c r="I39" s="293"/>
      <c r="J39" s="293"/>
      <c r="K39" s="293"/>
      <c r="L39" s="112" t="s">
        <v>221</v>
      </c>
      <c r="M39" s="292"/>
      <c r="N39" s="293"/>
      <c r="O39" s="293"/>
      <c r="P39" s="293"/>
      <c r="Q39" s="293"/>
      <c r="R39" s="293"/>
      <c r="S39" s="112" t="s">
        <v>221</v>
      </c>
      <c r="T39" s="292"/>
      <c r="U39" s="293"/>
      <c r="V39" s="293"/>
      <c r="W39" s="293"/>
      <c r="X39" s="293"/>
      <c r="Y39" s="293"/>
      <c r="Z39" s="112" t="s">
        <v>221</v>
      </c>
      <c r="AA39" s="292"/>
      <c r="AB39" s="293"/>
      <c r="AC39" s="293"/>
      <c r="AD39" s="293"/>
      <c r="AE39" s="293"/>
      <c r="AF39" s="293"/>
      <c r="AG39" s="102" t="s">
        <v>221</v>
      </c>
    </row>
    <row r="40" spans="1:33">
      <c r="B40" s="281"/>
      <c r="C40" s="282"/>
      <c r="D40" s="282"/>
      <c r="E40" s="109" t="s">
        <v>226</v>
      </c>
      <c r="F40" s="281"/>
      <c r="G40" s="282"/>
      <c r="H40" s="282"/>
      <c r="I40" s="282"/>
      <c r="J40" s="282"/>
      <c r="K40" s="282"/>
      <c r="L40" s="102" t="s">
        <v>221</v>
      </c>
      <c r="M40" s="281"/>
      <c r="N40" s="282"/>
      <c r="O40" s="282"/>
      <c r="P40" s="282"/>
      <c r="Q40" s="282"/>
      <c r="R40" s="282"/>
      <c r="S40" s="102" t="s">
        <v>221</v>
      </c>
      <c r="T40" s="281"/>
      <c r="U40" s="282"/>
      <c r="V40" s="282"/>
      <c r="W40" s="282"/>
      <c r="X40" s="282"/>
      <c r="Y40" s="282"/>
      <c r="Z40" s="102" t="s">
        <v>221</v>
      </c>
      <c r="AA40" s="281"/>
      <c r="AB40" s="282"/>
      <c r="AC40" s="282"/>
      <c r="AD40" s="282"/>
      <c r="AE40" s="282"/>
      <c r="AF40" s="282"/>
      <c r="AG40" s="102" t="s">
        <v>221</v>
      </c>
    </row>
    <row r="41" spans="1:33">
      <c r="B41" s="275" t="s">
        <v>222</v>
      </c>
      <c r="C41" s="276"/>
      <c r="D41" s="276"/>
      <c r="E41" s="277"/>
      <c r="F41" s="275" t="str">
        <f>IF(SUM(F38:K40)=0,"",SUM(F38:K40))</f>
        <v/>
      </c>
      <c r="G41" s="276"/>
      <c r="H41" s="276"/>
      <c r="I41" s="276"/>
      <c r="J41" s="276"/>
      <c r="K41" s="276"/>
      <c r="L41" s="102" t="s">
        <v>221</v>
      </c>
      <c r="M41" s="275" t="str">
        <f>IF(SUM(M38:R40)=0,"",SUM(M38:R40))</f>
        <v/>
      </c>
      <c r="N41" s="276"/>
      <c r="O41" s="276"/>
      <c r="P41" s="276"/>
      <c r="Q41" s="276"/>
      <c r="R41" s="276"/>
      <c r="S41" s="102" t="s">
        <v>221</v>
      </c>
      <c r="T41" s="275" t="str">
        <f>IF(SUM(T38:Y40)=0,"",SUM(T38:Y40))</f>
        <v/>
      </c>
      <c r="U41" s="276"/>
      <c r="V41" s="276"/>
      <c r="W41" s="276"/>
      <c r="X41" s="276"/>
      <c r="Y41" s="276"/>
      <c r="Z41" s="102" t="s">
        <v>221</v>
      </c>
      <c r="AA41" s="275" t="str">
        <f>IF(SUM(AA38:AF40)=0,"",SUM(AA38:AF40))</f>
        <v/>
      </c>
      <c r="AB41" s="276"/>
      <c r="AC41" s="276"/>
      <c r="AD41" s="276"/>
      <c r="AE41" s="276"/>
      <c r="AF41" s="276"/>
      <c r="AG41" s="102" t="s">
        <v>221</v>
      </c>
    </row>
    <row r="42" spans="1:33" ht="13.5" customHeight="1">
      <c r="B42" s="99"/>
      <c r="C42" s="99"/>
      <c r="D42" s="99"/>
      <c r="E42" s="99"/>
      <c r="F42" s="99"/>
      <c r="G42" s="99"/>
      <c r="H42" s="99"/>
      <c r="I42" s="99"/>
      <c r="J42" s="99"/>
      <c r="K42" s="99"/>
      <c r="L42" s="99"/>
      <c r="M42" s="99"/>
      <c r="N42" s="99"/>
      <c r="O42" s="99"/>
      <c r="P42" s="99"/>
      <c r="Q42" s="99"/>
      <c r="R42" s="99"/>
      <c r="S42" s="99"/>
      <c r="T42" s="99"/>
      <c r="U42" s="99"/>
      <c r="V42" s="99"/>
      <c r="W42" s="99"/>
      <c r="X42" s="99"/>
      <c r="Y42" s="99"/>
      <c r="Z42" s="99"/>
      <c r="AA42" s="99"/>
      <c r="AB42" s="99"/>
      <c r="AC42" s="99"/>
      <c r="AD42" s="99"/>
      <c r="AE42" s="99"/>
      <c r="AF42" s="99"/>
      <c r="AG42" s="99"/>
    </row>
    <row r="43" spans="1:33" ht="19.5" customHeight="1">
      <c r="B43" s="283" t="s">
        <v>223</v>
      </c>
      <c r="C43" s="284"/>
      <c r="D43" s="284"/>
      <c r="E43" s="285"/>
      <c r="F43" s="289" t="str">
        <f>IF(SUM(M41,T41,AA41)=0,"",SUM(M41,T41,AA41))</f>
        <v/>
      </c>
      <c r="G43" s="290"/>
      <c r="H43" s="290"/>
      <c r="I43" s="290"/>
      <c r="J43" s="290"/>
      <c r="K43" s="291"/>
      <c r="L43" s="295" t="s">
        <v>221</v>
      </c>
      <c r="M43" s="99"/>
      <c r="N43" s="99"/>
      <c r="O43" s="99"/>
      <c r="P43" s="99"/>
      <c r="Q43" s="99"/>
      <c r="R43" s="99"/>
      <c r="S43" s="99"/>
      <c r="T43" s="99"/>
      <c r="U43" s="99"/>
      <c r="V43" s="99"/>
      <c r="W43" s="99"/>
      <c r="X43" s="99"/>
      <c r="Y43" s="99"/>
      <c r="Z43" s="99"/>
      <c r="AA43" s="99"/>
      <c r="AB43" s="99"/>
      <c r="AC43" s="99"/>
      <c r="AD43" s="99"/>
      <c r="AE43" s="99"/>
      <c r="AF43" s="99"/>
      <c r="AG43" s="99"/>
    </row>
    <row r="44" spans="1:33" ht="19.5" customHeight="1">
      <c r="B44" s="286"/>
      <c r="C44" s="287"/>
      <c r="D44" s="287"/>
      <c r="E44" s="288"/>
      <c r="F44" s="292"/>
      <c r="G44" s="293"/>
      <c r="H44" s="293"/>
      <c r="I44" s="293"/>
      <c r="J44" s="293"/>
      <c r="K44" s="294"/>
      <c r="L44" s="295"/>
      <c r="M44" s="99"/>
      <c r="N44" s="99"/>
      <c r="O44" s="99"/>
      <c r="P44" s="99"/>
      <c r="Q44" s="99"/>
      <c r="R44" s="99"/>
      <c r="S44" s="99"/>
      <c r="T44" s="99"/>
      <c r="U44" s="99"/>
      <c r="V44" s="99"/>
      <c r="W44" s="99"/>
      <c r="X44" s="99"/>
      <c r="Y44" s="99"/>
      <c r="Z44" s="99"/>
      <c r="AA44" s="99"/>
      <c r="AB44" s="99"/>
      <c r="AC44" s="99"/>
      <c r="AD44" s="99"/>
      <c r="AE44" s="99"/>
      <c r="AF44" s="99"/>
      <c r="AG44" s="99"/>
    </row>
    <row r="45" spans="1:33" ht="9" customHeight="1">
      <c r="B45" s="103"/>
      <c r="C45" s="103"/>
      <c r="D45" s="103"/>
      <c r="E45" s="103"/>
      <c r="F45" s="104"/>
      <c r="G45" s="104"/>
      <c r="H45" s="104"/>
      <c r="I45" s="104"/>
      <c r="J45" s="104"/>
      <c r="K45" s="104"/>
      <c r="L45" s="99"/>
      <c r="M45" s="99"/>
      <c r="N45" s="99"/>
      <c r="O45" s="99"/>
      <c r="P45" s="99"/>
      <c r="Q45" s="99"/>
      <c r="R45" s="99"/>
      <c r="S45" s="99"/>
      <c r="T45" s="99"/>
      <c r="U45" s="99"/>
      <c r="V45" s="99"/>
      <c r="W45" s="99"/>
      <c r="X45" s="99"/>
      <c r="Y45" s="99"/>
      <c r="Z45" s="99"/>
      <c r="AA45" s="99"/>
      <c r="AB45" s="99"/>
      <c r="AC45" s="99"/>
      <c r="AD45" s="99"/>
      <c r="AE45" s="99"/>
      <c r="AF45" s="99"/>
      <c r="AG45" s="99"/>
    </row>
    <row r="46" spans="1:33" ht="19.5" customHeight="1">
      <c r="B46" s="296" t="s">
        <v>224</v>
      </c>
      <c r="C46" s="297"/>
      <c r="D46" s="297"/>
      <c r="E46" s="298"/>
      <c r="F46" s="302" t="str">
        <f>IF(F41="","",ROUNDDOWN(F41/F43,3))</f>
        <v/>
      </c>
      <c r="G46" s="303"/>
      <c r="H46" s="303"/>
      <c r="I46" s="303"/>
      <c r="J46" s="303"/>
      <c r="K46" s="304"/>
      <c r="L46" s="295" t="s">
        <v>76</v>
      </c>
      <c r="M46" s="99"/>
      <c r="N46" s="99"/>
      <c r="O46" s="99"/>
      <c r="P46" s="99"/>
      <c r="Q46" s="99"/>
      <c r="R46" s="99"/>
      <c r="S46" s="99"/>
      <c r="T46" s="99"/>
      <c r="U46" s="99"/>
      <c r="V46" s="99"/>
      <c r="W46" s="99"/>
      <c r="X46" s="99"/>
      <c r="Y46" s="99"/>
      <c r="Z46" s="99"/>
      <c r="AA46" s="99"/>
      <c r="AB46" s="99"/>
      <c r="AC46" s="99"/>
      <c r="AD46" s="99"/>
      <c r="AE46" s="99"/>
      <c r="AF46" s="99"/>
      <c r="AG46" s="99"/>
    </row>
    <row r="47" spans="1:33" ht="19.5" customHeight="1">
      <c r="B47" s="299"/>
      <c r="C47" s="300"/>
      <c r="D47" s="300"/>
      <c r="E47" s="301"/>
      <c r="F47" s="305"/>
      <c r="G47" s="306"/>
      <c r="H47" s="306"/>
      <c r="I47" s="306"/>
      <c r="J47" s="306"/>
      <c r="K47" s="307"/>
      <c r="L47" s="295"/>
      <c r="M47" s="113"/>
      <c r="N47" s="113"/>
      <c r="O47" s="113"/>
      <c r="P47" s="113"/>
      <c r="Q47" s="113"/>
      <c r="R47" s="113"/>
      <c r="S47" s="99"/>
      <c r="T47" s="99"/>
      <c r="U47" s="99"/>
      <c r="V47" s="99"/>
      <c r="W47" s="99"/>
      <c r="X47" s="99"/>
      <c r="Y47" s="99"/>
      <c r="Z47" s="99"/>
      <c r="AA47" s="99"/>
      <c r="AB47" s="99"/>
      <c r="AC47" s="99"/>
      <c r="AD47" s="99"/>
      <c r="AE47" s="99"/>
      <c r="AF47" s="99"/>
      <c r="AG47" s="99"/>
    </row>
    <row r="48" spans="1:33" ht="19.5" customHeight="1">
      <c r="B48" s="105"/>
      <c r="C48" s="105"/>
      <c r="D48" s="105"/>
      <c r="E48" s="105"/>
      <c r="F48" s="107"/>
      <c r="G48" s="107"/>
      <c r="H48" s="107"/>
      <c r="I48" s="107"/>
      <c r="J48" s="107"/>
      <c r="K48" s="107"/>
      <c r="L48" s="99"/>
      <c r="M48" s="113"/>
      <c r="N48" s="113"/>
      <c r="O48" s="113"/>
      <c r="P48" s="113"/>
      <c r="Q48" s="113"/>
      <c r="R48" s="113"/>
      <c r="S48" s="99"/>
      <c r="T48" s="99"/>
      <c r="U48" s="99"/>
      <c r="V48" s="99"/>
      <c r="W48" s="99"/>
      <c r="X48" s="99"/>
      <c r="Y48" s="99"/>
      <c r="Z48" s="99"/>
      <c r="AA48" s="99"/>
      <c r="AB48" s="99"/>
      <c r="AC48" s="99"/>
      <c r="AD48" s="99"/>
      <c r="AE48" s="99"/>
      <c r="AF48" s="99"/>
      <c r="AG48" s="99"/>
    </row>
    <row r="49" spans="2:34">
      <c r="B49" s="97" t="s">
        <v>227</v>
      </c>
    </row>
    <row r="50" spans="2:34">
      <c r="B50" s="308" t="s">
        <v>228</v>
      </c>
      <c r="C50" s="308"/>
      <c r="D50" s="308"/>
      <c r="E50" s="308"/>
      <c r="F50" s="308"/>
      <c r="G50" s="308"/>
      <c r="H50" s="308"/>
      <c r="I50" s="308"/>
      <c r="J50" s="308"/>
      <c r="K50" s="308"/>
      <c r="L50" s="308"/>
      <c r="M50" s="308"/>
      <c r="N50" s="308"/>
      <c r="O50" s="308"/>
      <c r="P50" s="308"/>
      <c r="Q50" s="308"/>
      <c r="R50" s="308"/>
      <c r="S50" s="308"/>
      <c r="T50" s="308"/>
      <c r="U50" s="308"/>
      <c r="V50" s="308"/>
      <c r="W50" s="308"/>
      <c r="X50" s="308"/>
      <c r="Y50" s="308"/>
      <c r="Z50" s="308"/>
      <c r="AA50" s="308"/>
      <c r="AB50" s="308"/>
      <c r="AC50" s="308"/>
      <c r="AD50" s="308"/>
      <c r="AE50" s="308"/>
      <c r="AF50" s="308"/>
      <c r="AG50" s="308"/>
      <c r="AH50" s="308"/>
    </row>
    <row r="51" spans="2:34">
      <c r="B51" s="308" t="s">
        <v>229</v>
      </c>
      <c r="C51" s="308"/>
      <c r="D51" s="308"/>
      <c r="E51" s="308"/>
      <c r="F51" s="308"/>
      <c r="G51" s="308"/>
      <c r="H51" s="308"/>
      <c r="I51" s="308"/>
      <c r="J51" s="308"/>
      <c r="K51" s="308"/>
      <c r="L51" s="308"/>
      <c r="M51" s="308"/>
      <c r="N51" s="308"/>
      <c r="O51" s="308"/>
      <c r="P51" s="308"/>
      <c r="Q51" s="308"/>
      <c r="R51" s="308"/>
      <c r="S51" s="308"/>
      <c r="T51" s="308"/>
      <c r="U51" s="308"/>
      <c r="V51" s="308"/>
      <c r="W51" s="308"/>
      <c r="X51" s="308"/>
      <c r="Y51" s="308"/>
      <c r="Z51" s="308"/>
      <c r="AA51" s="308"/>
      <c r="AB51" s="308"/>
      <c r="AC51" s="308"/>
      <c r="AD51" s="308"/>
      <c r="AE51" s="308"/>
      <c r="AF51" s="308"/>
      <c r="AG51" s="308"/>
      <c r="AH51" s="308"/>
    </row>
    <row r="52" spans="2:34">
      <c r="B52" s="308" t="s">
        <v>230</v>
      </c>
      <c r="C52" s="308"/>
      <c r="D52" s="308"/>
      <c r="E52" s="308"/>
      <c r="F52" s="308"/>
      <c r="G52" s="308"/>
      <c r="H52" s="308"/>
      <c r="I52" s="308"/>
      <c r="J52" s="308"/>
      <c r="K52" s="308"/>
      <c r="L52" s="308"/>
      <c r="M52" s="308"/>
      <c r="N52" s="308"/>
      <c r="O52" s="308"/>
      <c r="P52" s="308"/>
      <c r="Q52" s="308"/>
      <c r="R52" s="308"/>
      <c r="S52" s="308"/>
      <c r="T52" s="308"/>
      <c r="U52" s="308"/>
      <c r="V52" s="308"/>
      <c r="W52" s="308"/>
      <c r="X52" s="308"/>
      <c r="Y52" s="308"/>
      <c r="Z52" s="308"/>
      <c r="AA52" s="308"/>
      <c r="AB52" s="308"/>
      <c r="AC52" s="308"/>
      <c r="AD52" s="308"/>
      <c r="AE52" s="308"/>
      <c r="AF52" s="308"/>
      <c r="AG52" s="308"/>
      <c r="AH52" s="308"/>
    </row>
    <row r="53" spans="2:34">
      <c r="B53" s="308" t="s">
        <v>231</v>
      </c>
      <c r="C53" s="308"/>
      <c r="D53" s="308"/>
      <c r="E53" s="308"/>
      <c r="F53" s="308"/>
      <c r="G53" s="308"/>
      <c r="H53" s="308"/>
      <c r="I53" s="308"/>
      <c r="J53" s="308"/>
      <c r="K53" s="308"/>
      <c r="L53" s="308"/>
      <c r="M53" s="308"/>
      <c r="N53" s="308"/>
      <c r="O53" s="308"/>
      <c r="P53" s="308"/>
      <c r="Q53" s="308"/>
      <c r="R53" s="308"/>
      <c r="S53" s="308"/>
      <c r="T53" s="308"/>
      <c r="U53" s="308"/>
      <c r="V53" s="308"/>
      <c r="W53" s="308"/>
      <c r="X53" s="308"/>
      <c r="Y53" s="308"/>
      <c r="Z53" s="308"/>
      <c r="AA53" s="308"/>
      <c r="AB53" s="308"/>
      <c r="AC53" s="308"/>
      <c r="AD53" s="308"/>
      <c r="AE53" s="308"/>
      <c r="AF53" s="308"/>
      <c r="AG53" s="308"/>
      <c r="AH53" s="308"/>
    </row>
    <row r="54" spans="2:34">
      <c r="B54" s="308" t="s">
        <v>232</v>
      </c>
      <c r="C54" s="308"/>
      <c r="D54" s="308"/>
      <c r="E54" s="308"/>
      <c r="F54" s="308"/>
      <c r="G54" s="308"/>
      <c r="H54" s="308"/>
      <c r="I54" s="308"/>
      <c r="J54" s="308"/>
      <c r="K54" s="308"/>
      <c r="L54" s="308"/>
      <c r="M54" s="308"/>
      <c r="N54" s="308"/>
      <c r="O54" s="308"/>
      <c r="P54" s="308"/>
      <c r="Q54" s="308"/>
      <c r="R54" s="308"/>
      <c r="S54" s="308"/>
      <c r="T54" s="308"/>
      <c r="U54" s="308"/>
      <c r="V54" s="308"/>
      <c r="W54" s="308"/>
      <c r="X54" s="308"/>
      <c r="Y54" s="308"/>
      <c r="Z54" s="308"/>
      <c r="AA54" s="308"/>
      <c r="AB54" s="308"/>
      <c r="AC54" s="308"/>
      <c r="AD54" s="308"/>
      <c r="AE54" s="308"/>
      <c r="AF54" s="308"/>
      <c r="AG54" s="308"/>
      <c r="AH54" s="308"/>
    </row>
    <row r="55" spans="2:34">
      <c r="B55" s="308" t="s">
        <v>233</v>
      </c>
      <c r="C55" s="308"/>
      <c r="D55" s="308"/>
      <c r="E55" s="308"/>
      <c r="F55" s="308"/>
      <c r="G55" s="308"/>
      <c r="H55" s="308"/>
      <c r="I55" s="308"/>
      <c r="J55" s="308"/>
      <c r="K55" s="308"/>
      <c r="L55" s="308"/>
      <c r="M55" s="308"/>
      <c r="N55" s="308"/>
      <c r="O55" s="308"/>
      <c r="P55" s="308"/>
      <c r="Q55" s="308"/>
      <c r="R55" s="308"/>
      <c r="S55" s="308"/>
      <c r="T55" s="308"/>
      <c r="U55" s="308"/>
      <c r="V55" s="308"/>
      <c r="W55" s="308"/>
      <c r="X55" s="308"/>
      <c r="Y55" s="308"/>
      <c r="Z55" s="308"/>
      <c r="AA55" s="308"/>
      <c r="AB55" s="308"/>
      <c r="AC55" s="308"/>
      <c r="AD55" s="308"/>
      <c r="AE55" s="308"/>
      <c r="AF55" s="308"/>
      <c r="AG55" s="308"/>
      <c r="AH55" s="308"/>
    </row>
    <row r="56" spans="2:34">
      <c r="B56" s="309"/>
      <c r="C56" s="309"/>
      <c r="D56" s="309"/>
      <c r="E56" s="309"/>
      <c r="F56" s="309"/>
      <c r="G56" s="309"/>
      <c r="H56" s="309"/>
      <c r="I56" s="309"/>
      <c r="J56" s="309"/>
      <c r="K56" s="309"/>
      <c r="L56" s="309"/>
      <c r="M56" s="309"/>
      <c r="N56" s="309"/>
      <c r="O56" s="309"/>
      <c r="P56" s="309"/>
      <c r="Q56" s="309"/>
      <c r="R56" s="309"/>
      <c r="S56" s="309"/>
      <c r="T56" s="309"/>
      <c r="U56" s="309"/>
      <c r="V56" s="309"/>
      <c r="W56" s="309"/>
      <c r="X56" s="309"/>
      <c r="Y56" s="309"/>
      <c r="Z56" s="309"/>
      <c r="AA56" s="309"/>
      <c r="AB56" s="309"/>
      <c r="AC56" s="309"/>
      <c r="AD56" s="309"/>
      <c r="AE56" s="309"/>
      <c r="AF56" s="309"/>
      <c r="AG56" s="309"/>
      <c r="AH56" s="309"/>
    </row>
    <row r="57" spans="2:34">
      <c r="B57" s="309"/>
      <c r="C57" s="309"/>
      <c r="D57" s="309"/>
      <c r="E57" s="309"/>
      <c r="F57" s="309"/>
      <c r="G57" s="309"/>
      <c r="H57" s="309"/>
      <c r="I57" s="309"/>
      <c r="J57" s="309"/>
      <c r="K57" s="309"/>
      <c r="L57" s="309"/>
      <c r="M57" s="309"/>
      <c r="N57" s="309"/>
      <c r="O57" s="309"/>
      <c r="P57" s="309"/>
      <c r="Q57" s="309"/>
      <c r="R57" s="309"/>
      <c r="S57" s="309"/>
      <c r="T57" s="309"/>
      <c r="U57" s="309"/>
      <c r="V57" s="309"/>
      <c r="W57" s="309"/>
      <c r="X57" s="309"/>
      <c r="Y57" s="309"/>
      <c r="Z57" s="309"/>
      <c r="AA57" s="309"/>
      <c r="AB57" s="309"/>
      <c r="AC57" s="309"/>
      <c r="AD57" s="309"/>
      <c r="AE57" s="309"/>
      <c r="AF57" s="309"/>
      <c r="AG57" s="309"/>
      <c r="AH57" s="309"/>
    </row>
    <row r="58" spans="2:34">
      <c r="B58" s="309"/>
      <c r="C58" s="309"/>
      <c r="D58" s="309"/>
      <c r="E58" s="309"/>
      <c r="F58" s="309"/>
      <c r="G58" s="309"/>
      <c r="H58" s="309"/>
      <c r="I58" s="309"/>
      <c r="J58" s="309"/>
      <c r="K58" s="309"/>
      <c r="L58" s="309"/>
      <c r="M58" s="309"/>
      <c r="N58" s="309"/>
      <c r="O58" s="309"/>
      <c r="P58" s="309"/>
      <c r="Q58" s="309"/>
      <c r="R58" s="309"/>
      <c r="S58" s="309"/>
      <c r="T58" s="309"/>
      <c r="U58" s="309"/>
      <c r="V58" s="309"/>
      <c r="W58" s="309"/>
      <c r="X58" s="309"/>
      <c r="Y58" s="309"/>
      <c r="Z58" s="309"/>
      <c r="AA58" s="309"/>
      <c r="AB58" s="309"/>
      <c r="AC58" s="309"/>
      <c r="AD58" s="309"/>
      <c r="AE58" s="309"/>
      <c r="AF58" s="309"/>
      <c r="AG58" s="309"/>
      <c r="AH58" s="309"/>
    </row>
    <row r="59" spans="2:34">
      <c r="B59" s="309"/>
      <c r="C59" s="309"/>
      <c r="D59" s="309"/>
      <c r="E59" s="309"/>
      <c r="F59" s="309"/>
      <c r="G59" s="309"/>
      <c r="H59" s="309"/>
      <c r="I59" s="309"/>
      <c r="J59" s="309"/>
      <c r="K59" s="309"/>
      <c r="L59" s="309"/>
      <c r="M59" s="309"/>
      <c r="N59" s="309"/>
      <c r="O59" s="309"/>
      <c r="P59" s="309"/>
      <c r="Q59" s="309"/>
      <c r="R59" s="309"/>
      <c r="S59" s="309"/>
      <c r="T59" s="309"/>
      <c r="U59" s="309"/>
      <c r="V59" s="309"/>
      <c r="W59" s="309"/>
      <c r="X59" s="309"/>
      <c r="Y59" s="309"/>
      <c r="Z59" s="309"/>
      <c r="AA59" s="309"/>
      <c r="AB59" s="309"/>
      <c r="AC59" s="309"/>
      <c r="AD59" s="309"/>
      <c r="AE59" s="309"/>
      <c r="AF59" s="309"/>
      <c r="AG59" s="309"/>
      <c r="AH59" s="309"/>
    </row>
    <row r="60" spans="2:34">
      <c r="B60" s="309"/>
      <c r="C60" s="309"/>
      <c r="D60" s="309"/>
      <c r="E60" s="309"/>
      <c r="F60" s="309"/>
      <c r="G60" s="309"/>
      <c r="H60" s="309"/>
      <c r="I60" s="309"/>
      <c r="J60" s="309"/>
      <c r="K60" s="309"/>
      <c r="L60" s="309"/>
      <c r="M60" s="309"/>
      <c r="N60" s="309"/>
      <c r="O60" s="309"/>
      <c r="P60" s="309"/>
      <c r="Q60" s="309"/>
      <c r="R60" s="309"/>
      <c r="S60" s="309"/>
      <c r="T60" s="309"/>
      <c r="U60" s="309"/>
      <c r="V60" s="309"/>
      <c r="W60" s="309"/>
      <c r="X60" s="309"/>
      <c r="Y60" s="309"/>
      <c r="Z60" s="309"/>
      <c r="AA60" s="309"/>
      <c r="AB60" s="309"/>
      <c r="AC60" s="309"/>
      <c r="AD60" s="309"/>
      <c r="AE60" s="309"/>
      <c r="AF60" s="309"/>
      <c r="AG60" s="309"/>
      <c r="AH60" s="309"/>
    </row>
    <row r="61" spans="2:34">
      <c r="B61" s="309"/>
      <c r="C61" s="309"/>
      <c r="D61" s="309"/>
      <c r="E61" s="309"/>
      <c r="F61" s="309"/>
      <c r="G61" s="309"/>
      <c r="H61" s="309"/>
      <c r="I61" s="309"/>
      <c r="J61" s="309"/>
      <c r="K61" s="309"/>
      <c r="L61" s="309"/>
      <c r="M61" s="309"/>
      <c r="N61" s="309"/>
      <c r="O61" s="309"/>
      <c r="P61" s="309"/>
      <c r="Q61" s="309"/>
      <c r="R61" s="309"/>
      <c r="S61" s="309"/>
      <c r="T61" s="309"/>
      <c r="U61" s="309"/>
      <c r="V61" s="309"/>
      <c r="W61" s="309"/>
      <c r="X61" s="309"/>
      <c r="Y61" s="309"/>
      <c r="Z61" s="309"/>
      <c r="AA61" s="309"/>
      <c r="AB61" s="309"/>
      <c r="AC61" s="309"/>
      <c r="AD61" s="309"/>
      <c r="AE61" s="309"/>
      <c r="AF61" s="309"/>
      <c r="AG61" s="309"/>
      <c r="AH61" s="309"/>
    </row>
    <row r="62" spans="2:34">
      <c r="B62" s="309"/>
      <c r="C62" s="309"/>
      <c r="D62" s="309"/>
      <c r="E62" s="309"/>
      <c r="F62" s="309"/>
      <c r="G62" s="309"/>
      <c r="H62" s="309"/>
      <c r="I62" s="309"/>
      <c r="J62" s="309"/>
      <c r="K62" s="309"/>
      <c r="L62" s="309"/>
      <c r="M62" s="309"/>
      <c r="N62" s="309"/>
      <c r="O62" s="309"/>
      <c r="P62" s="309"/>
      <c r="Q62" s="309"/>
      <c r="R62" s="309"/>
      <c r="S62" s="309"/>
      <c r="T62" s="309"/>
      <c r="U62" s="309"/>
      <c r="V62" s="309"/>
      <c r="W62" s="309"/>
      <c r="X62" s="309"/>
      <c r="Y62" s="309"/>
      <c r="Z62" s="309"/>
      <c r="AA62" s="309"/>
      <c r="AB62" s="309"/>
      <c r="AC62" s="309"/>
      <c r="AD62" s="309"/>
      <c r="AE62" s="309"/>
      <c r="AF62" s="309"/>
      <c r="AG62" s="309"/>
      <c r="AH62" s="309"/>
    </row>
    <row r="63" spans="2:34">
      <c r="B63" s="309"/>
      <c r="C63" s="309"/>
      <c r="D63" s="309"/>
      <c r="E63" s="309"/>
      <c r="F63" s="309"/>
      <c r="G63" s="309"/>
      <c r="H63" s="309"/>
      <c r="I63" s="309"/>
      <c r="J63" s="309"/>
      <c r="K63" s="309"/>
      <c r="L63" s="309"/>
      <c r="M63" s="309"/>
      <c r="N63" s="309"/>
      <c r="O63" s="309"/>
      <c r="P63" s="309"/>
      <c r="Q63" s="309"/>
      <c r="R63" s="309"/>
      <c r="S63" s="309"/>
      <c r="T63" s="309"/>
      <c r="U63" s="309"/>
      <c r="V63" s="309"/>
      <c r="W63" s="309"/>
      <c r="X63" s="309"/>
      <c r="Y63" s="309"/>
      <c r="Z63" s="309"/>
      <c r="AA63" s="309"/>
      <c r="AB63" s="309"/>
      <c r="AC63" s="309"/>
      <c r="AD63" s="309"/>
      <c r="AE63" s="309"/>
      <c r="AF63" s="309"/>
      <c r="AG63" s="309"/>
      <c r="AH63" s="309"/>
    </row>
    <row r="64" spans="2:34">
      <c r="B64" s="309"/>
      <c r="C64" s="309"/>
      <c r="D64" s="309"/>
      <c r="E64" s="309"/>
      <c r="F64" s="309"/>
      <c r="G64" s="309"/>
      <c r="H64" s="309"/>
      <c r="I64" s="309"/>
      <c r="J64" s="309"/>
      <c r="K64" s="309"/>
      <c r="L64" s="309"/>
      <c r="M64" s="309"/>
      <c r="N64" s="309"/>
      <c r="O64" s="309"/>
      <c r="P64" s="309"/>
      <c r="Q64" s="309"/>
      <c r="R64" s="309"/>
      <c r="S64" s="309"/>
      <c r="T64" s="309"/>
      <c r="U64" s="309"/>
      <c r="V64" s="309"/>
      <c r="W64" s="309"/>
      <c r="X64" s="309"/>
      <c r="Y64" s="309"/>
      <c r="Z64" s="309"/>
      <c r="AA64" s="309"/>
      <c r="AB64" s="309"/>
      <c r="AC64" s="309"/>
      <c r="AD64" s="309"/>
      <c r="AE64" s="309"/>
      <c r="AF64" s="309"/>
      <c r="AG64" s="309"/>
      <c r="AH64" s="309"/>
    </row>
    <row r="88" spans="12:12">
      <c r="L88" s="114"/>
    </row>
    <row r="122" spans="3:7">
      <c r="C122" s="115"/>
      <c r="D122" s="115"/>
      <c r="E122" s="115"/>
      <c r="F122" s="115"/>
      <c r="G122" s="115"/>
    </row>
    <row r="123" spans="3:7">
      <c r="C123" s="116"/>
    </row>
  </sheetData>
  <mergeCells count="131">
    <mergeCell ref="B59:AH59"/>
    <mergeCell ref="B60:AH60"/>
    <mergeCell ref="B61:AH61"/>
    <mergeCell ref="B62:AH62"/>
    <mergeCell ref="B63:AH63"/>
    <mergeCell ref="B64:AH64"/>
    <mergeCell ref="B53:AH53"/>
    <mergeCell ref="B54:AH54"/>
    <mergeCell ref="B55:AH55"/>
    <mergeCell ref="B56:AH56"/>
    <mergeCell ref="B57:AH57"/>
    <mergeCell ref="B58:AH58"/>
    <mergeCell ref="B46:E47"/>
    <mergeCell ref="F46:K47"/>
    <mergeCell ref="L46:L47"/>
    <mergeCell ref="B50:AH50"/>
    <mergeCell ref="B51:AH51"/>
    <mergeCell ref="B52:AH52"/>
    <mergeCell ref="B41:E41"/>
    <mergeCell ref="F41:K41"/>
    <mergeCell ref="M41:R41"/>
    <mergeCell ref="T41:Y41"/>
    <mergeCell ref="AA41:AF41"/>
    <mergeCell ref="B43:E44"/>
    <mergeCell ref="F43:K44"/>
    <mergeCell ref="L43:L44"/>
    <mergeCell ref="B39:D39"/>
    <mergeCell ref="F39:K39"/>
    <mergeCell ref="M39:R39"/>
    <mergeCell ref="T39:Y39"/>
    <mergeCell ref="AA39:AF39"/>
    <mergeCell ref="B40:D40"/>
    <mergeCell ref="F40:K40"/>
    <mergeCell ref="M40:R40"/>
    <mergeCell ref="T40:Y40"/>
    <mergeCell ref="AA40:AF40"/>
    <mergeCell ref="T37:Z37"/>
    <mergeCell ref="AA37:AG37"/>
    <mergeCell ref="B38:D38"/>
    <mergeCell ref="F38:K38"/>
    <mergeCell ref="M38:R38"/>
    <mergeCell ref="T38:Y38"/>
    <mergeCell ref="AA38:AF38"/>
    <mergeCell ref="B33:E34"/>
    <mergeCell ref="F33:K34"/>
    <mergeCell ref="L33:L34"/>
    <mergeCell ref="B37:E37"/>
    <mergeCell ref="F37:L37"/>
    <mergeCell ref="M37:S37"/>
    <mergeCell ref="B28:E28"/>
    <mergeCell ref="F28:K28"/>
    <mergeCell ref="M28:R28"/>
    <mergeCell ref="T28:Y28"/>
    <mergeCell ref="AA28:AF28"/>
    <mergeCell ref="B30:E31"/>
    <mergeCell ref="F30:K31"/>
    <mergeCell ref="L30:L31"/>
    <mergeCell ref="B27:C27"/>
    <mergeCell ref="D27:E27"/>
    <mergeCell ref="F27:K27"/>
    <mergeCell ref="M27:R27"/>
    <mergeCell ref="T27:Y27"/>
    <mergeCell ref="AA27:AF27"/>
    <mergeCell ref="B26:C26"/>
    <mergeCell ref="D26:E26"/>
    <mergeCell ref="F26:K26"/>
    <mergeCell ref="M26:R26"/>
    <mergeCell ref="T26:Y26"/>
    <mergeCell ref="AA26:AF26"/>
    <mergeCell ref="B25:C25"/>
    <mergeCell ref="D25:E25"/>
    <mergeCell ref="F25:K25"/>
    <mergeCell ref="M25:R25"/>
    <mergeCell ref="T25:Y25"/>
    <mergeCell ref="AA25:AF25"/>
    <mergeCell ref="B24:C24"/>
    <mergeCell ref="D24:E24"/>
    <mergeCell ref="F24:K24"/>
    <mergeCell ref="M24:R24"/>
    <mergeCell ref="T24:Y24"/>
    <mergeCell ref="AA24:AF24"/>
    <mergeCell ref="B23:C23"/>
    <mergeCell ref="D23:E23"/>
    <mergeCell ref="F23:K23"/>
    <mergeCell ref="M23:R23"/>
    <mergeCell ref="T23:Y23"/>
    <mergeCell ref="AA23:AF23"/>
    <mergeCell ref="B22:C22"/>
    <mergeCell ref="D22:E22"/>
    <mergeCell ref="F22:K22"/>
    <mergeCell ref="M22:R22"/>
    <mergeCell ref="T22:Y22"/>
    <mergeCell ref="AA22:AF22"/>
    <mergeCell ref="B21:C21"/>
    <mergeCell ref="D21:E21"/>
    <mergeCell ref="F21:K21"/>
    <mergeCell ref="M21:R21"/>
    <mergeCell ref="T21:Y21"/>
    <mergeCell ref="AA21:AF21"/>
    <mergeCell ref="B20:C20"/>
    <mergeCell ref="D20:E20"/>
    <mergeCell ref="F20:K20"/>
    <mergeCell ref="M20:R20"/>
    <mergeCell ref="T20:Y20"/>
    <mergeCell ref="AA20:AF20"/>
    <mergeCell ref="B19:C19"/>
    <mergeCell ref="D19:E19"/>
    <mergeCell ref="F19:K19"/>
    <mergeCell ref="M19:R19"/>
    <mergeCell ref="T19:Y19"/>
    <mergeCell ref="AA19:AF19"/>
    <mergeCell ref="B3:AH3"/>
    <mergeCell ref="Q5:AH5"/>
    <mergeCell ref="Q6:AH6"/>
    <mergeCell ref="B16:E16"/>
    <mergeCell ref="F16:L16"/>
    <mergeCell ref="M16:S16"/>
    <mergeCell ref="T16:Z16"/>
    <mergeCell ref="AA16:AG16"/>
    <mergeCell ref="B18:C18"/>
    <mergeCell ref="D18:E18"/>
    <mergeCell ref="F18:K18"/>
    <mergeCell ref="M18:R18"/>
    <mergeCell ref="T18:Y18"/>
    <mergeCell ref="AA18:AF18"/>
    <mergeCell ref="B17:C17"/>
    <mergeCell ref="D17:E17"/>
    <mergeCell ref="F17:K17"/>
    <mergeCell ref="M17:R17"/>
    <mergeCell ref="T17:Y17"/>
    <mergeCell ref="AA17:AF17"/>
  </mergeCells>
  <phoneticPr fontId="3"/>
  <dataValidations count="1">
    <dataValidation type="list" allowBlank="1" showInputMessage="1" showErrorMessage="1" sqref="C9 IY9 SU9 ACQ9 AMM9 AWI9 BGE9 BQA9 BZW9 CJS9 CTO9 DDK9 DNG9 DXC9 EGY9 EQU9 FAQ9 FKM9 FUI9 GEE9 GOA9 GXW9 HHS9 HRO9 IBK9 ILG9 IVC9 JEY9 JOU9 JYQ9 KIM9 KSI9 LCE9 LMA9 LVW9 MFS9 MPO9 MZK9 NJG9 NTC9 OCY9 OMU9 OWQ9 PGM9 PQI9 QAE9 QKA9 QTW9 RDS9 RNO9 RXK9 SHG9 SRC9 TAY9 TKU9 TUQ9 UEM9 UOI9 UYE9 VIA9 VRW9 WBS9 WLO9 WVK9 C65545 IY65545 SU65545 ACQ65545 AMM65545 AWI65545 BGE65545 BQA65545 BZW65545 CJS65545 CTO65545 DDK65545 DNG65545 DXC65545 EGY65545 EQU65545 FAQ65545 FKM65545 FUI65545 GEE65545 GOA65545 GXW65545 HHS65545 HRO65545 IBK65545 ILG65545 IVC65545 JEY65545 JOU65545 JYQ65545 KIM65545 KSI65545 LCE65545 LMA65545 LVW65545 MFS65545 MPO65545 MZK65545 NJG65545 NTC65545 OCY65545 OMU65545 OWQ65545 PGM65545 PQI65545 QAE65545 QKA65545 QTW65545 RDS65545 RNO65545 RXK65545 SHG65545 SRC65545 TAY65545 TKU65545 TUQ65545 UEM65545 UOI65545 UYE65545 VIA65545 VRW65545 WBS65545 WLO65545 WVK65545 C131081 IY131081 SU131081 ACQ131081 AMM131081 AWI131081 BGE131081 BQA131081 BZW131081 CJS131081 CTO131081 DDK131081 DNG131081 DXC131081 EGY131081 EQU131081 FAQ131081 FKM131081 FUI131081 GEE131081 GOA131081 GXW131081 HHS131081 HRO131081 IBK131081 ILG131081 IVC131081 JEY131081 JOU131081 JYQ131081 KIM131081 KSI131081 LCE131081 LMA131081 LVW131081 MFS131081 MPO131081 MZK131081 NJG131081 NTC131081 OCY131081 OMU131081 OWQ131081 PGM131081 PQI131081 QAE131081 QKA131081 QTW131081 RDS131081 RNO131081 RXK131081 SHG131081 SRC131081 TAY131081 TKU131081 TUQ131081 UEM131081 UOI131081 UYE131081 VIA131081 VRW131081 WBS131081 WLO131081 WVK131081 C196617 IY196617 SU196617 ACQ196617 AMM196617 AWI196617 BGE196617 BQA196617 BZW196617 CJS196617 CTO196617 DDK196617 DNG196617 DXC196617 EGY196617 EQU196617 FAQ196617 FKM196617 FUI196617 GEE196617 GOA196617 GXW196617 HHS196617 HRO196617 IBK196617 ILG196617 IVC196617 JEY196617 JOU196617 JYQ196617 KIM196617 KSI196617 LCE196617 LMA196617 LVW196617 MFS196617 MPO196617 MZK196617 NJG196617 NTC196617 OCY196617 OMU196617 OWQ196617 PGM196617 PQI196617 QAE196617 QKA196617 QTW196617 RDS196617 RNO196617 RXK196617 SHG196617 SRC196617 TAY196617 TKU196617 TUQ196617 UEM196617 UOI196617 UYE196617 VIA196617 VRW196617 WBS196617 WLO196617 WVK196617 C262153 IY262153 SU262153 ACQ262153 AMM262153 AWI262153 BGE262153 BQA262153 BZW262153 CJS262153 CTO262153 DDK262153 DNG262153 DXC262153 EGY262153 EQU262153 FAQ262153 FKM262153 FUI262153 GEE262153 GOA262153 GXW262153 HHS262153 HRO262153 IBK262153 ILG262153 IVC262153 JEY262153 JOU262153 JYQ262153 KIM262153 KSI262153 LCE262153 LMA262153 LVW262153 MFS262153 MPO262153 MZK262153 NJG262153 NTC262153 OCY262153 OMU262153 OWQ262153 PGM262153 PQI262153 QAE262153 QKA262153 QTW262153 RDS262153 RNO262153 RXK262153 SHG262153 SRC262153 TAY262153 TKU262153 TUQ262153 UEM262153 UOI262153 UYE262153 VIA262153 VRW262153 WBS262153 WLO262153 WVK262153 C327689 IY327689 SU327689 ACQ327689 AMM327689 AWI327689 BGE327689 BQA327689 BZW327689 CJS327689 CTO327689 DDK327689 DNG327689 DXC327689 EGY327689 EQU327689 FAQ327689 FKM327689 FUI327689 GEE327689 GOA327689 GXW327689 HHS327689 HRO327689 IBK327689 ILG327689 IVC327689 JEY327689 JOU327689 JYQ327689 KIM327689 KSI327689 LCE327689 LMA327689 LVW327689 MFS327689 MPO327689 MZK327689 NJG327689 NTC327689 OCY327689 OMU327689 OWQ327689 PGM327689 PQI327689 QAE327689 QKA327689 QTW327689 RDS327689 RNO327689 RXK327689 SHG327689 SRC327689 TAY327689 TKU327689 TUQ327689 UEM327689 UOI327689 UYE327689 VIA327689 VRW327689 WBS327689 WLO327689 WVK327689 C393225 IY393225 SU393225 ACQ393225 AMM393225 AWI393225 BGE393225 BQA393225 BZW393225 CJS393225 CTO393225 DDK393225 DNG393225 DXC393225 EGY393225 EQU393225 FAQ393225 FKM393225 FUI393225 GEE393225 GOA393225 GXW393225 HHS393225 HRO393225 IBK393225 ILG393225 IVC393225 JEY393225 JOU393225 JYQ393225 KIM393225 KSI393225 LCE393225 LMA393225 LVW393225 MFS393225 MPO393225 MZK393225 NJG393225 NTC393225 OCY393225 OMU393225 OWQ393225 PGM393225 PQI393225 QAE393225 QKA393225 QTW393225 RDS393225 RNO393225 RXK393225 SHG393225 SRC393225 TAY393225 TKU393225 TUQ393225 UEM393225 UOI393225 UYE393225 VIA393225 VRW393225 WBS393225 WLO393225 WVK393225 C458761 IY458761 SU458761 ACQ458761 AMM458761 AWI458761 BGE458761 BQA458761 BZW458761 CJS458761 CTO458761 DDK458761 DNG458761 DXC458761 EGY458761 EQU458761 FAQ458761 FKM458761 FUI458761 GEE458761 GOA458761 GXW458761 HHS458761 HRO458761 IBK458761 ILG458761 IVC458761 JEY458761 JOU458761 JYQ458761 KIM458761 KSI458761 LCE458761 LMA458761 LVW458761 MFS458761 MPO458761 MZK458761 NJG458761 NTC458761 OCY458761 OMU458761 OWQ458761 PGM458761 PQI458761 QAE458761 QKA458761 QTW458761 RDS458761 RNO458761 RXK458761 SHG458761 SRC458761 TAY458761 TKU458761 TUQ458761 UEM458761 UOI458761 UYE458761 VIA458761 VRW458761 WBS458761 WLO458761 WVK458761 C524297 IY524297 SU524297 ACQ524297 AMM524297 AWI524297 BGE524297 BQA524297 BZW524297 CJS524297 CTO524297 DDK524297 DNG524297 DXC524297 EGY524297 EQU524297 FAQ524297 FKM524297 FUI524297 GEE524297 GOA524297 GXW524297 HHS524297 HRO524297 IBK524297 ILG524297 IVC524297 JEY524297 JOU524297 JYQ524297 KIM524297 KSI524297 LCE524297 LMA524297 LVW524297 MFS524297 MPO524297 MZK524297 NJG524297 NTC524297 OCY524297 OMU524297 OWQ524297 PGM524297 PQI524297 QAE524297 QKA524297 QTW524297 RDS524297 RNO524297 RXK524297 SHG524297 SRC524297 TAY524297 TKU524297 TUQ524297 UEM524297 UOI524297 UYE524297 VIA524297 VRW524297 WBS524297 WLO524297 WVK524297 C589833 IY589833 SU589833 ACQ589833 AMM589833 AWI589833 BGE589833 BQA589833 BZW589833 CJS589833 CTO589833 DDK589833 DNG589833 DXC589833 EGY589833 EQU589833 FAQ589833 FKM589833 FUI589833 GEE589833 GOA589833 GXW589833 HHS589833 HRO589833 IBK589833 ILG589833 IVC589833 JEY589833 JOU589833 JYQ589833 KIM589833 KSI589833 LCE589833 LMA589833 LVW589833 MFS589833 MPO589833 MZK589833 NJG589833 NTC589833 OCY589833 OMU589833 OWQ589833 PGM589833 PQI589833 QAE589833 QKA589833 QTW589833 RDS589833 RNO589833 RXK589833 SHG589833 SRC589833 TAY589833 TKU589833 TUQ589833 UEM589833 UOI589833 UYE589833 VIA589833 VRW589833 WBS589833 WLO589833 WVK589833 C655369 IY655369 SU655369 ACQ655369 AMM655369 AWI655369 BGE655369 BQA655369 BZW655369 CJS655369 CTO655369 DDK655369 DNG655369 DXC655369 EGY655369 EQU655369 FAQ655369 FKM655369 FUI655369 GEE655369 GOA655369 GXW655369 HHS655369 HRO655369 IBK655369 ILG655369 IVC655369 JEY655369 JOU655369 JYQ655369 KIM655369 KSI655369 LCE655369 LMA655369 LVW655369 MFS655369 MPO655369 MZK655369 NJG655369 NTC655369 OCY655369 OMU655369 OWQ655369 PGM655369 PQI655369 QAE655369 QKA655369 QTW655369 RDS655369 RNO655369 RXK655369 SHG655369 SRC655369 TAY655369 TKU655369 TUQ655369 UEM655369 UOI655369 UYE655369 VIA655369 VRW655369 WBS655369 WLO655369 WVK655369 C720905 IY720905 SU720905 ACQ720905 AMM720905 AWI720905 BGE720905 BQA720905 BZW720905 CJS720905 CTO720905 DDK720905 DNG720905 DXC720905 EGY720905 EQU720905 FAQ720905 FKM720905 FUI720905 GEE720905 GOA720905 GXW720905 HHS720905 HRO720905 IBK720905 ILG720905 IVC720905 JEY720905 JOU720905 JYQ720905 KIM720905 KSI720905 LCE720905 LMA720905 LVW720905 MFS720905 MPO720905 MZK720905 NJG720905 NTC720905 OCY720905 OMU720905 OWQ720905 PGM720905 PQI720905 QAE720905 QKA720905 QTW720905 RDS720905 RNO720905 RXK720905 SHG720905 SRC720905 TAY720905 TKU720905 TUQ720905 UEM720905 UOI720905 UYE720905 VIA720905 VRW720905 WBS720905 WLO720905 WVK720905 C786441 IY786441 SU786441 ACQ786441 AMM786441 AWI786441 BGE786441 BQA786441 BZW786441 CJS786441 CTO786441 DDK786441 DNG786441 DXC786441 EGY786441 EQU786441 FAQ786441 FKM786441 FUI786441 GEE786441 GOA786441 GXW786441 HHS786441 HRO786441 IBK786441 ILG786441 IVC786441 JEY786441 JOU786441 JYQ786441 KIM786441 KSI786441 LCE786441 LMA786441 LVW786441 MFS786441 MPO786441 MZK786441 NJG786441 NTC786441 OCY786441 OMU786441 OWQ786441 PGM786441 PQI786441 QAE786441 QKA786441 QTW786441 RDS786441 RNO786441 RXK786441 SHG786441 SRC786441 TAY786441 TKU786441 TUQ786441 UEM786441 UOI786441 UYE786441 VIA786441 VRW786441 WBS786441 WLO786441 WVK786441 C851977 IY851977 SU851977 ACQ851977 AMM851977 AWI851977 BGE851977 BQA851977 BZW851977 CJS851977 CTO851977 DDK851977 DNG851977 DXC851977 EGY851977 EQU851977 FAQ851977 FKM851977 FUI851977 GEE851977 GOA851977 GXW851977 HHS851977 HRO851977 IBK851977 ILG851977 IVC851977 JEY851977 JOU851977 JYQ851977 KIM851977 KSI851977 LCE851977 LMA851977 LVW851977 MFS851977 MPO851977 MZK851977 NJG851977 NTC851977 OCY851977 OMU851977 OWQ851977 PGM851977 PQI851977 QAE851977 QKA851977 QTW851977 RDS851977 RNO851977 RXK851977 SHG851977 SRC851977 TAY851977 TKU851977 TUQ851977 UEM851977 UOI851977 UYE851977 VIA851977 VRW851977 WBS851977 WLO851977 WVK851977 C917513 IY917513 SU917513 ACQ917513 AMM917513 AWI917513 BGE917513 BQA917513 BZW917513 CJS917513 CTO917513 DDK917513 DNG917513 DXC917513 EGY917513 EQU917513 FAQ917513 FKM917513 FUI917513 GEE917513 GOA917513 GXW917513 HHS917513 HRO917513 IBK917513 ILG917513 IVC917513 JEY917513 JOU917513 JYQ917513 KIM917513 KSI917513 LCE917513 LMA917513 LVW917513 MFS917513 MPO917513 MZK917513 NJG917513 NTC917513 OCY917513 OMU917513 OWQ917513 PGM917513 PQI917513 QAE917513 QKA917513 QTW917513 RDS917513 RNO917513 RXK917513 SHG917513 SRC917513 TAY917513 TKU917513 TUQ917513 UEM917513 UOI917513 UYE917513 VIA917513 VRW917513 WBS917513 WLO917513 WVK917513 C983049 IY983049 SU983049 ACQ983049 AMM983049 AWI983049 BGE983049 BQA983049 BZW983049 CJS983049 CTO983049 DDK983049 DNG983049 DXC983049 EGY983049 EQU983049 FAQ983049 FKM983049 FUI983049 GEE983049 GOA983049 GXW983049 HHS983049 HRO983049 IBK983049 ILG983049 IVC983049 JEY983049 JOU983049 JYQ983049 KIM983049 KSI983049 LCE983049 LMA983049 LVW983049 MFS983049 MPO983049 MZK983049 NJG983049 NTC983049 OCY983049 OMU983049 OWQ983049 PGM983049 PQI983049 QAE983049 QKA983049 QTW983049 RDS983049 RNO983049 RXK983049 SHG983049 SRC983049 TAY983049 TKU983049 TUQ983049 UEM983049 UOI983049 UYE983049 VIA983049 VRW983049 WBS983049 WLO983049 WVK983049 J9 JF9 TB9 ACX9 AMT9 AWP9 BGL9 BQH9 CAD9 CJZ9 CTV9 DDR9 DNN9 DXJ9 EHF9 ERB9 FAX9 FKT9 FUP9 GEL9 GOH9 GYD9 HHZ9 HRV9 IBR9 ILN9 IVJ9 JFF9 JPB9 JYX9 KIT9 KSP9 LCL9 LMH9 LWD9 MFZ9 MPV9 MZR9 NJN9 NTJ9 ODF9 ONB9 OWX9 PGT9 PQP9 QAL9 QKH9 QUD9 RDZ9 RNV9 RXR9 SHN9 SRJ9 TBF9 TLB9 TUX9 UET9 UOP9 UYL9 VIH9 VSD9 WBZ9 WLV9 WVR9 J65545 JF65545 TB65545 ACX65545 AMT65545 AWP65545 BGL65545 BQH65545 CAD65545 CJZ65545 CTV65545 DDR65545 DNN65545 DXJ65545 EHF65545 ERB65545 FAX65545 FKT65545 FUP65545 GEL65545 GOH65545 GYD65545 HHZ65545 HRV65545 IBR65545 ILN65545 IVJ65545 JFF65545 JPB65545 JYX65545 KIT65545 KSP65545 LCL65545 LMH65545 LWD65545 MFZ65545 MPV65545 MZR65545 NJN65545 NTJ65545 ODF65545 ONB65545 OWX65545 PGT65545 PQP65545 QAL65545 QKH65545 QUD65545 RDZ65545 RNV65545 RXR65545 SHN65545 SRJ65545 TBF65545 TLB65545 TUX65545 UET65545 UOP65545 UYL65545 VIH65545 VSD65545 WBZ65545 WLV65545 WVR65545 J131081 JF131081 TB131081 ACX131081 AMT131081 AWP131081 BGL131081 BQH131081 CAD131081 CJZ131081 CTV131081 DDR131081 DNN131081 DXJ131081 EHF131081 ERB131081 FAX131081 FKT131081 FUP131081 GEL131081 GOH131081 GYD131081 HHZ131081 HRV131081 IBR131081 ILN131081 IVJ131081 JFF131081 JPB131081 JYX131081 KIT131081 KSP131081 LCL131081 LMH131081 LWD131081 MFZ131081 MPV131081 MZR131081 NJN131081 NTJ131081 ODF131081 ONB131081 OWX131081 PGT131081 PQP131081 QAL131081 QKH131081 QUD131081 RDZ131081 RNV131081 RXR131081 SHN131081 SRJ131081 TBF131081 TLB131081 TUX131081 UET131081 UOP131081 UYL131081 VIH131081 VSD131081 WBZ131081 WLV131081 WVR131081 J196617 JF196617 TB196617 ACX196617 AMT196617 AWP196617 BGL196617 BQH196617 CAD196617 CJZ196617 CTV196617 DDR196617 DNN196617 DXJ196617 EHF196617 ERB196617 FAX196617 FKT196617 FUP196617 GEL196617 GOH196617 GYD196617 HHZ196617 HRV196617 IBR196617 ILN196617 IVJ196617 JFF196617 JPB196617 JYX196617 KIT196617 KSP196617 LCL196617 LMH196617 LWD196617 MFZ196617 MPV196617 MZR196617 NJN196617 NTJ196617 ODF196617 ONB196617 OWX196617 PGT196617 PQP196617 QAL196617 QKH196617 QUD196617 RDZ196617 RNV196617 RXR196617 SHN196617 SRJ196617 TBF196617 TLB196617 TUX196617 UET196617 UOP196617 UYL196617 VIH196617 VSD196617 WBZ196617 WLV196617 WVR196617 J262153 JF262153 TB262153 ACX262153 AMT262153 AWP262153 BGL262153 BQH262153 CAD262153 CJZ262153 CTV262153 DDR262153 DNN262153 DXJ262153 EHF262153 ERB262153 FAX262153 FKT262153 FUP262153 GEL262153 GOH262153 GYD262153 HHZ262153 HRV262153 IBR262153 ILN262153 IVJ262153 JFF262153 JPB262153 JYX262153 KIT262153 KSP262153 LCL262153 LMH262153 LWD262153 MFZ262153 MPV262153 MZR262153 NJN262153 NTJ262153 ODF262153 ONB262153 OWX262153 PGT262153 PQP262153 QAL262153 QKH262153 QUD262153 RDZ262153 RNV262153 RXR262153 SHN262153 SRJ262153 TBF262153 TLB262153 TUX262153 UET262153 UOP262153 UYL262153 VIH262153 VSD262153 WBZ262153 WLV262153 WVR262153 J327689 JF327689 TB327689 ACX327689 AMT327689 AWP327689 BGL327689 BQH327689 CAD327689 CJZ327689 CTV327689 DDR327689 DNN327689 DXJ327689 EHF327689 ERB327689 FAX327689 FKT327689 FUP327689 GEL327689 GOH327689 GYD327689 HHZ327689 HRV327689 IBR327689 ILN327689 IVJ327689 JFF327689 JPB327689 JYX327689 KIT327689 KSP327689 LCL327689 LMH327689 LWD327689 MFZ327689 MPV327689 MZR327689 NJN327689 NTJ327689 ODF327689 ONB327689 OWX327689 PGT327689 PQP327689 QAL327689 QKH327689 QUD327689 RDZ327689 RNV327689 RXR327689 SHN327689 SRJ327689 TBF327689 TLB327689 TUX327689 UET327689 UOP327689 UYL327689 VIH327689 VSD327689 WBZ327689 WLV327689 WVR327689 J393225 JF393225 TB393225 ACX393225 AMT393225 AWP393225 BGL393225 BQH393225 CAD393225 CJZ393225 CTV393225 DDR393225 DNN393225 DXJ393225 EHF393225 ERB393225 FAX393225 FKT393225 FUP393225 GEL393225 GOH393225 GYD393225 HHZ393225 HRV393225 IBR393225 ILN393225 IVJ393225 JFF393225 JPB393225 JYX393225 KIT393225 KSP393225 LCL393225 LMH393225 LWD393225 MFZ393225 MPV393225 MZR393225 NJN393225 NTJ393225 ODF393225 ONB393225 OWX393225 PGT393225 PQP393225 QAL393225 QKH393225 QUD393225 RDZ393225 RNV393225 RXR393225 SHN393225 SRJ393225 TBF393225 TLB393225 TUX393225 UET393225 UOP393225 UYL393225 VIH393225 VSD393225 WBZ393225 WLV393225 WVR393225 J458761 JF458761 TB458761 ACX458761 AMT458761 AWP458761 BGL458761 BQH458761 CAD458761 CJZ458761 CTV458761 DDR458761 DNN458761 DXJ458761 EHF458761 ERB458761 FAX458761 FKT458761 FUP458761 GEL458761 GOH458761 GYD458761 HHZ458761 HRV458761 IBR458761 ILN458761 IVJ458761 JFF458761 JPB458761 JYX458761 KIT458761 KSP458761 LCL458761 LMH458761 LWD458761 MFZ458761 MPV458761 MZR458761 NJN458761 NTJ458761 ODF458761 ONB458761 OWX458761 PGT458761 PQP458761 QAL458761 QKH458761 QUD458761 RDZ458761 RNV458761 RXR458761 SHN458761 SRJ458761 TBF458761 TLB458761 TUX458761 UET458761 UOP458761 UYL458761 VIH458761 VSD458761 WBZ458761 WLV458761 WVR458761 J524297 JF524297 TB524297 ACX524297 AMT524297 AWP524297 BGL524297 BQH524297 CAD524297 CJZ524297 CTV524297 DDR524297 DNN524297 DXJ524297 EHF524297 ERB524297 FAX524297 FKT524297 FUP524297 GEL524297 GOH524297 GYD524297 HHZ524297 HRV524297 IBR524297 ILN524297 IVJ524297 JFF524297 JPB524297 JYX524297 KIT524297 KSP524297 LCL524297 LMH524297 LWD524297 MFZ524297 MPV524297 MZR524297 NJN524297 NTJ524297 ODF524297 ONB524297 OWX524297 PGT524297 PQP524297 QAL524297 QKH524297 QUD524297 RDZ524297 RNV524297 RXR524297 SHN524297 SRJ524297 TBF524297 TLB524297 TUX524297 UET524297 UOP524297 UYL524297 VIH524297 VSD524297 WBZ524297 WLV524297 WVR524297 J589833 JF589833 TB589833 ACX589833 AMT589833 AWP589833 BGL589833 BQH589833 CAD589833 CJZ589833 CTV589833 DDR589833 DNN589833 DXJ589833 EHF589833 ERB589833 FAX589833 FKT589833 FUP589833 GEL589833 GOH589833 GYD589833 HHZ589833 HRV589833 IBR589833 ILN589833 IVJ589833 JFF589833 JPB589833 JYX589833 KIT589833 KSP589833 LCL589833 LMH589833 LWD589833 MFZ589833 MPV589833 MZR589833 NJN589833 NTJ589833 ODF589833 ONB589833 OWX589833 PGT589833 PQP589833 QAL589833 QKH589833 QUD589833 RDZ589833 RNV589833 RXR589833 SHN589833 SRJ589833 TBF589833 TLB589833 TUX589833 UET589833 UOP589833 UYL589833 VIH589833 VSD589833 WBZ589833 WLV589833 WVR589833 J655369 JF655369 TB655369 ACX655369 AMT655369 AWP655369 BGL655369 BQH655369 CAD655369 CJZ655369 CTV655369 DDR655369 DNN655369 DXJ655369 EHF655369 ERB655369 FAX655369 FKT655369 FUP655369 GEL655369 GOH655369 GYD655369 HHZ655369 HRV655369 IBR655369 ILN655369 IVJ655369 JFF655369 JPB655369 JYX655369 KIT655369 KSP655369 LCL655369 LMH655369 LWD655369 MFZ655369 MPV655369 MZR655369 NJN655369 NTJ655369 ODF655369 ONB655369 OWX655369 PGT655369 PQP655369 QAL655369 QKH655369 QUD655369 RDZ655369 RNV655369 RXR655369 SHN655369 SRJ655369 TBF655369 TLB655369 TUX655369 UET655369 UOP655369 UYL655369 VIH655369 VSD655369 WBZ655369 WLV655369 WVR655369 J720905 JF720905 TB720905 ACX720905 AMT720905 AWP720905 BGL720905 BQH720905 CAD720905 CJZ720905 CTV720905 DDR720905 DNN720905 DXJ720905 EHF720905 ERB720905 FAX720905 FKT720905 FUP720905 GEL720905 GOH720905 GYD720905 HHZ720905 HRV720905 IBR720905 ILN720905 IVJ720905 JFF720905 JPB720905 JYX720905 KIT720905 KSP720905 LCL720905 LMH720905 LWD720905 MFZ720905 MPV720905 MZR720905 NJN720905 NTJ720905 ODF720905 ONB720905 OWX720905 PGT720905 PQP720905 QAL720905 QKH720905 QUD720905 RDZ720905 RNV720905 RXR720905 SHN720905 SRJ720905 TBF720905 TLB720905 TUX720905 UET720905 UOP720905 UYL720905 VIH720905 VSD720905 WBZ720905 WLV720905 WVR720905 J786441 JF786441 TB786441 ACX786441 AMT786441 AWP786441 BGL786441 BQH786441 CAD786441 CJZ786441 CTV786441 DDR786441 DNN786441 DXJ786441 EHF786441 ERB786441 FAX786441 FKT786441 FUP786441 GEL786441 GOH786441 GYD786441 HHZ786441 HRV786441 IBR786441 ILN786441 IVJ786441 JFF786441 JPB786441 JYX786441 KIT786441 KSP786441 LCL786441 LMH786441 LWD786441 MFZ786441 MPV786441 MZR786441 NJN786441 NTJ786441 ODF786441 ONB786441 OWX786441 PGT786441 PQP786441 QAL786441 QKH786441 QUD786441 RDZ786441 RNV786441 RXR786441 SHN786441 SRJ786441 TBF786441 TLB786441 TUX786441 UET786441 UOP786441 UYL786441 VIH786441 VSD786441 WBZ786441 WLV786441 WVR786441 J851977 JF851977 TB851977 ACX851977 AMT851977 AWP851977 BGL851977 BQH851977 CAD851977 CJZ851977 CTV851977 DDR851977 DNN851977 DXJ851977 EHF851977 ERB851977 FAX851977 FKT851977 FUP851977 GEL851977 GOH851977 GYD851977 HHZ851977 HRV851977 IBR851977 ILN851977 IVJ851977 JFF851977 JPB851977 JYX851977 KIT851977 KSP851977 LCL851977 LMH851977 LWD851977 MFZ851977 MPV851977 MZR851977 NJN851977 NTJ851977 ODF851977 ONB851977 OWX851977 PGT851977 PQP851977 QAL851977 QKH851977 QUD851977 RDZ851977 RNV851977 RXR851977 SHN851977 SRJ851977 TBF851977 TLB851977 TUX851977 UET851977 UOP851977 UYL851977 VIH851977 VSD851977 WBZ851977 WLV851977 WVR851977 J917513 JF917513 TB917513 ACX917513 AMT917513 AWP917513 BGL917513 BQH917513 CAD917513 CJZ917513 CTV917513 DDR917513 DNN917513 DXJ917513 EHF917513 ERB917513 FAX917513 FKT917513 FUP917513 GEL917513 GOH917513 GYD917513 HHZ917513 HRV917513 IBR917513 ILN917513 IVJ917513 JFF917513 JPB917513 JYX917513 KIT917513 KSP917513 LCL917513 LMH917513 LWD917513 MFZ917513 MPV917513 MZR917513 NJN917513 NTJ917513 ODF917513 ONB917513 OWX917513 PGT917513 PQP917513 QAL917513 QKH917513 QUD917513 RDZ917513 RNV917513 RXR917513 SHN917513 SRJ917513 TBF917513 TLB917513 TUX917513 UET917513 UOP917513 UYL917513 VIH917513 VSD917513 WBZ917513 WLV917513 WVR917513 J983049 JF983049 TB983049 ACX983049 AMT983049 AWP983049 BGL983049 BQH983049 CAD983049 CJZ983049 CTV983049 DDR983049 DNN983049 DXJ983049 EHF983049 ERB983049 FAX983049 FKT983049 FUP983049 GEL983049 GOH983049 GYD983049 HHZ983049 HRV983049 IBR983049 ILN983049 IVJ983049 JFF983049 JPB983049 JYX983049 KIT983049 KSP983049 LCL983049 LMH983049 LWD983049 MFZ983049 MPV983049 MZR983049 NJN983049 NTJ983049 ODF983049 ONB983049 OWX983049 PGT983049 PQP983049 QAL983049 QKH983049 QUD983049 RDZ983049 RNV983049 RXR983049 SHN983049 SRJ983049 TBF983049 TLB983049 TUX983049 UET983049 UOP983049 UYL983049 VIH983049 VSD983049 WBZ983049 WLV983049 WVR983049 C12:C13 IY12:IY13 SU12:SU13 ACQ12:ACQ13 AMM12:AMM13 AWI12:AWI13 BGE12:BGE13 BQA12:BQA13 BZW12:BZW13 CJS12:CJS13 CTO12:CTO13 DDK12:DDK13 DNG12:DNG13 DXC12:DXC13 EGY12:EGY13 EQU12:EQU13 FAQ12:FAQ13 FKM12:FKM13 FUI12:FUI13 GEE12:GEE13 GOA12:GOA13 GXW12:GXW13 HHS12:HHS13 HRO12:HRO13 IBK12:IBK13 ILG12:ILG13 IVC12:IVC13 JEY12:JEY13 JOU12:JOU13 JYQ12:JYQ13 KIM12:KIM13 KSI12:KSI13 LCE12:LCE13 LMA12:LMA13 LVW12:LVW13 MFS12:MFS13 MPO12:MPO13 MZK12:MZK13 NJG12:NJG13 NTC12:NTC13 OCY12:OCY13 OMU12:OMU13 OWQ12:OWQ13 PGM12:PGM13 PQI12:PQI13 QAE12:QAE13 QKA12:QKA13 QTW12:QTW13 RDS12:RDS13 RNO12:RNO13 RXK12:RXK13 SHG12:SHG13 SRC12:SRC13 TAY12:TAY13 TKU12:TKU13 TUQ12:TUQ13 UEM12:UEM13 UOI12:UOI13 UYE12:UYE13 VIA12:VIA13 VRW12:VRW13 WBS12:WBS13 WLO12:WLO13 WVK12:WVK13 C65548:C65549 IY65548:IY65549 SU65548:SU65549 ACQ65548:ACQ65549 AMM65548:AMM65549 AWI65548:AWI65549 BGE65548:BGE65549 BQA65548:BQA65549 BZW65548:BZW65549 CJS65548:CJS65549 CTO65548:CTO65549 DDK65548:DDK65549 DNG65548:DNG65549 DXC65548:DXC65549 EGY65548:EGY65549 EQU65548:EQU65549 FAQ65548:FAQ65549 FKM65548:FKM65549 FUI65548:FUI65549 GEE65548:GEE65549 GOA65548:GOA65549 GXW65548:GXW65549 HHS65548:HHS65549 HRO65548:HRO65549 IBK65548:IBK65549 ILG65548:ILG65549 IVC65548:IVC65549 JEY65548:JEY65549 JOU65548:JOU65549 JYQ65548:JYQ65549 KIM65548:KIM65549 KSI65548:KSI65549 LCE65548:LCE65549 LMA65548:LMA65549 LVW65548:LVW65549 MFS65548:MFS65549 MPO65548:MPO65549 MZK65548:MZK65549 NJG65548:NJG65549 NTC65548:NTC65549 OCY65548:OCY65549 OMU65548:OMU65549 OWQ65548:OWQ65549 PGM65548:PGM65549 PQI65548:PQI65549 QAE65548:QAE65549 QKA65548:QKA65549 QTW65548:QTW65549 RDS65548:RDS65549 RNO65548:RNO65549 RXK65548:RXK65549 SHG65548:SHG65549 SRC65548:SRC65549 TAY65548:TAY65549 TKU65548:TKU65549 TUQ65548:TUQ65549 UEM65548:UEM65549 UOI65548:UOI65549 UYE65548:UYE65549 VIA65548:VIA65549 VRW65548:VRW65549 WBS65548:WBS65549 WLO65548:WLO65549 WVK65548:WVK65549 C131084:C131085 IY131084:IY131085 SU131084:SU131085 ACQ131084:ACQ131085 AMM131084:AMM131085 AWI131084:AWI131085 BGE131084:BGE131085 BQA131084:BQA131085 BZW131084:BZW131085 CJS131084:CJS131085 CTO131084:CTO131085 DDK131084:DDK131085 DNG131084:DNG131085 DXC131084:DXC131085 EGY131084:EGY131085 EQU131084:EQU131085 FAQ131084:FAQ131085 FKM131084:FKM131085 FUI131084:FUI131085 GEE131084:GEE131085 GOA131084:GOA131085 GXW131084:GXW131085 HHS131084:HHS131085 HRO131084:HRO131085 IBK131084:IBK131085 ILG131084:ILG131085 IVC131084:IVC131085 JEY131084:JEY131085 JOU131084:JOU131085 JYQ131084:JYQ131085 KIM131084:KIM131085 KSI131084:KSI131085 LCE131084:LCE131085 LMA131084:LMA131085 LVW131084:LVW131085 MFS131084:MFS131085 MPO131084:MPO131085 MZK131084:MZK131085 NJG131084:NJG131085 NTC131084:NTC131085 OCY131084:OCY131085 OMU131084:OMU131085 OWQ131084:OWQ131085 PGM131084:PGM131085 PQI131084:PQI131085 QAE131084:QAE131085 QKA131084:QKA131085 QTW131084:QTW131085 RDS131084:RDS131085 RNO131084:RNO131085 RXK131084:RXK131085 SHG131084:SHG131085 SRC131084:SRC131085 TAY131084:TAY131085 TKU131084:TKU131085 TUQ131084:TUQ131085 UEM131084:UEM131085 UOI131084:UOI131085 UYE131084:UYE131085 VIA131084:VIA131085 VRW131084:VRW131085 WBS131084:WBS131085 WLO131084:WLO131085 WVK131084:WVK131085 C196620:C196621 IY196620:IY196621 SU196620:SU196621 ACQ196620:ACQ196621 AMM196620:AMM196621 AWI196620:AWI196621 BGE196620:BGE196621 BQA196620:BQA196621 BZW196620:BZW196621 CJS196620:CJS196621 CTO196620:CTO196621 DDK196620:DDK196621 DNG196620:DNG196621 DXC196620:DXC196621 EGY196620:EGY196621 EQU196620:EQU196621 FAQ196620:FAQ196621 FKM196620:FKM196621 FUI196620:FUI196621 GEE196620:GEE196621 GOA196620:GOA196621 GXW196620:GXW196621 HHS196620:HHS196621 HRO196620:HRO196621 IBK196620:IBK196621 ILG196620:ILG196621 IVC196620:IVC196621 JEY196620:JEY196621 JOU196620:JOU196621 JYQ196620:JYQ196621 KIM196620:KIM196621 KSI196620:KSI196621 LCE196620:LCE196621 LMA196620:LMA196621 LVW196620:LVW196621 MFS196620:MFS196621 MPO196620:MPO196621 MZK196620:MZK196621 NJG196620:NJG196621 NTC196620:NTC196621 OCY196620:OCY196621 OMU196620:OMU196621 OWQ196620:OWQ196621 PGM196620:PGM196621 PQI196620:PQI196621 QAE196620:QAE196621 QKA196620:QKA196621 QTW196620:QTW196621 RDS196620:RDS196621 RNO196620:RNO196621 RXK196620:RXK196621 SHG196620:SHG196621 SRC196620:SRC196621 TAY196620:TAY196621 TKU196620:TKU196621 TUQ196620:TUQ196621 UEM196620:UEM196621 UOI196620:UOI196621 UYE196620:UYE196621 VIA196620:VIA196621 VRW196620:VRW196621 WBS196620:WBS196621 WLO196620:WLO196621 WVK196620:WVK196621 C262156:C262157 IY262156:IY262157 SU262156:SU262157 ACQ262156:ACQ262157 AMM262156:AMM262157 AWI262156:AWI262157 BGE262156:BGE262157 BQA262156:BQA262157 BZW262156:BZW262157 CJS262156:CJS262157 CTO262156:CTO262157 DDK262156:DDK262157 DNG262156:DNG262157 DXC262156:DXC262157 EGY262156:EGY262157 EQU262156:EQU262157 FAQ262156:FAQ262157 FKM262156:FKM262157 FUI262156:FUI262157 GEE262156:GEE262157 GOA262156:GOA262157 GXW262156:GXW262157 HHS262156:HHS262157 HRO262156:HRO262157 IBK262156:IBK262157 ILG262156:ILG262157 IVC262156:IVC262157 JEY262156:JEY262157 JOU262156:JOU262157 JYQ262156:JYQ262157 KIM262156:KIM262157 KSI262156:KSI262157 LCE262156:LCE262157 LMA262156:LMA262157 LVW262156:LVW262157 MFS262156:MFS262157 MPO262156:MPO262157 MZK262156:MZK262157 NJG262156:NJG262157 NTC262156:NTC262157 OCY262156:OCY262157 OMU262156:OMU262157 OWQ262156:OWQ262157 PGM262156:PGM262157 PQI262156:PQI262157 QAE262156:QAE262157 QKA262156:QKA262157 QTW262156:QTW262157 RDS262156:RDS262157 RNO262156:RNO262157 RXK262156:RXK262157 SHG262156:SHG262157 SRC262156:SRC262157 TAY262156:TAY262157 TKU262156:TKU262157 TUQ262156:TUQ262157 UEM262156:UEM262157 UOI262156:UOI262157 UYE262156:UYE262157 VIA262156:VIA262157 VRW262156:VRW262157 WBS262156:WBS262157 WLO262156:WLO262157 WVK262156:WVK262157 C327692:C327693 IY327692:IY327693 SU327692:SU327693 ACQ327692:ACQ327693 AMM327692:AMM327693 AWI327692:AWI327693 BGE327692:BGE327693 BQA327692:BQA327693 BZW327692:BZW327693 CJS327692:CJS327693 CTO327692:CTO327693 DDK327692:DDK327693 DNG327692:DNG327693 DXC327692:DXC327693 EGY327692:EGY327693 EQU327692:EQU327693 FAQ327692:FAQ327693 FKM327692:FKM327693 FUI327692:FUI327693 GEE327692:GEE327693 GOA327692:GOA327693 GXW327692:GXW327693 HHS327692:HHS327693 HRO327692:HRO327693 IBK327692:IBK327693 ILG327692:ILG327693 IVC327692:IVC327693 JEY327692:JEY327693 JOU327692:JOU327693 JYQ327692:JYQ327693 KIM327692:KIM327693 KSI327692:KSI327693 LCE327692:LCE327693 LMA327692:LMA327693 LVW327692:LVW327693 MFS327692:MFS327693 MPO327692:MPO327693 MZK327692:MZK327693 NJG327692:NJG327693 NTC327692:NTC327693 OCY327692:OCY327693 OMU327692:OMU327693 OWQ327692:OWQ327693 PGM327692:PGM327693 PQI327692:PQI327693 QAE327692:QAE327693 QKA327692:QKA327693 QTW327692:QTW327693 RDS327692:RDS327693 RNO327692:RNO327693 RXK327692:RXK327693 SHG327692:SHG327693 SRC327692:SRC327693 TAY327692:TAY327693 TKU327692:TKU327693 TUQ327692:TUQ327693 UEM327692:UEM327693 UOI327692:UOI327693 UYE327692:UYE327693 VIA327692:VIA327693 VRW327692:VRW327693 WBS327692:WBS327693 WLO327692:WLO327693 WVK327692:WVK327693 C393228:C393229 IY393228:IY393229 SU393228:SU393229 ACQ393228:ACQ393229 AMM393228:AMM393229 AWI393228:AWI393229 BGE393228:BGE393229 BQA393228:BQA393229 BZW393228:BZW393229 CJS393228:CJS393229 CTO393228:CTO393229 DDK393228:DDK393229 DNG393228:DNG393229 DXC393228:DXC393229 EGY393228:EGY393229 EQU393228:EQU393229 FAQ393228:FAQ393229 FKM393228:FKM393229 FUI393228:FUI393229 GEE393228:GEE393229 GOA393228:GOA393229 GXW393228:GXW393229 HHS393228:HHS393229 HRO393228:HRO393229 IBK393228:IBK393229 ILG393228:ILG393229 IVC393228:IVC393229 JEY393228:JEY393229 JOU393228:JOU393229 JYQ393228:JYQ393229 KIM393228:KIM393229 KSI393228:KSI393229 LCE393228:LCE393229 LMA393228:LMA393229 LVW393228:LVW393229 MFS393228:MFS393229 MPO393228:MPO393229 MZK393228:MZK393229 NJG393228:NJG393229 NTC393228:NTC393229 OCY393228:OCY393229 OMU393228:OMU393229 OWQ393228:OWQ393229 PGM393228:PGM393229 PQI393228:PQI393229 QAE393228:QAE393229 QKA393228:QKA393229 QTW393228:QTW393229 RDS393228:RDS393229 RNO393228:RNO393229 RXK393228:RXK393229 SHG393228:SHG393229 SRC393228:SRC393229 TAY393228:TAY393229 TKU393228:TKU393229 TUQ393228:TUQ393229 UEM393228:UEM393229 UOI393228:UOI393229 UYE393228:UYE393229 VIA393228:VIA393229 VRW393228:VRW393229 WBS393228:WBS393229 WLO393228:WLO393229 WVK393228:WVK393229 C458764:C458765 IY458764:IY458765 SU458764:SU458765 ACQ458764:ACQ458765 AMM458764:AMM458765 AWI458764:AWI458765 BGE458764:BGE458765 BQA458764:BQA458765 BZW458764:BZW458765 CJS458764:CJS458765 CTO458764:CTO458765 DDK458764:DDK458765 DNG458764:DNG458765 DXC458764:DXC458765 EGY458764:EGY458765 EQU458764:EQU458765 FAQ458764:FAQ458765 FKM458764:FKM458765 FUI458764:FUI458765 GEE458764:GEE458765 GOA458764:GOA458765 GXW458764:GXW458765 HHS458764:HHS458765 HRO458764:HRO458765 IBK458764:IBK458765 ILG458764:ILG458765 IVC458764:IVC458765 JEY458764:JEY458765 JOU458764:JOU458765 JYQ458764:JYQ458765 KIM458764:KIM458765 KSI458764:KSI458765 LCE458764:LCE458765 LMA458764:LMA458765 LVW458764:LVW458765 MFS458764:MFS458765 MPO458764:MPO458765 MZK458764:MZK458765 NJG458764:NJG458765 NTC458764:NTC458765 OCY458764:OCY458765 OMU458764:OMU458765 OWQ458764:OWQ458765 PGM458764:PGM458765 PQI458764:PQI458765 QAE458764:QAE458765 QKA458764:QKA458765 QTW458764:QTW458765 RDS458764:RDS458765 RNO458764:RNO458765 RXK458764:RXK458765 SHG458764:SHG458765 SRC458764:SRC458765 TAY458764:TAY458765 TKU458764:TKU458765 TUQ458764:TUQ458765 UEM458764:UEM458765 UOI458764:UOI458765 UYE458764:UYE458765 VIA458764:VIA458765 VRW458764:VRW458765 WBS458764:WBS458765 WLO458764:WLO458765 WVK458764:WVK458765 C524300:C524301 IY524300:IY524301 SU524300:SU524301 ACQ524300:ACQ524301 AMM524300:AMM524301 AWI524300:AWI524301 BGE524300:BGE524301 BQA524300:BQA524301 BZW524300:BZW524301 CJS524300:CJS524301 CTO524300:CTO524301 DDK524300:DDK524301 DNG524300:DNG524301 DXC524300:DXC524301 EGY524300:EGY524301 EQU524300:EQU524301 FAQ524300:FAQ524301 FKM524300:FKM524301 FUI524300:FUI524301 GEE524300:GEE524301 GOA524300:GOA524301 GXW524300:GXW524301 HHS524300:HHS524301 HRO524300:HRO524301 IBK524300:IBK524301 ILG524300:ILG524301 IVC524300:IVC524301 JEY524300:JEY524301 JOU524300:JOU524301 JYQ524300:JYQ524301 KIM524300:KIM524301 KSI524300:KSI524301 LCE524300:LCE524301 LMA524300:LMA524301 LVW524300:LVW524301 MFS524300:MFS524301 MPO524300:MPO524301 MZK524300:MZK524301 NJG524300:NJG524301 NTC524300:NTC524301 OCY524300:OCY524301 OMU524300:OMU524301 OWQ524300:OWQ524301 PGM524300:PGM524301 PQI524300:PQI524301 QAE524300:QAE524301 QKA524300:QKA524301 QTW524300:QTW524301 RDS524300:RDS524301 RNO524300:RNO524301 RXK524300:RXK524301 SHG524300:SHG524301 SRC524300:SRC524301 TAY524300:TAY524301 TKU524300:TKU524301 TUQ524300:TUQ524301 UEM524300:UEM524301 UOI524300:UOI524301 UYE524300:UYE524301 VIA524300:VIA524301 VRW524300:VRW524301 WBS524300:WBS524301 WLO524300:WLO524301 WVK524300:WVK524301 C589836:C589837 IY589836:IY589837 SU589836:SU589837 ACQ589836:ACQ589837 AMM589836:AMM589837 AWI589836:AWI589837 BGE589836:BGE589837 BQA589836:BQA589837 BZW589836:BZW589837 CJS589836:CJS589837 CTO589836:CTO589837 DDK589836:DDK589837 DNG589836:DNG589837 DXC589836:DXC589837 EGY589836:EGY589837 EQU589836:EQU589837 FAQ589836:FAQ589837 FKM589836:FKM589837 FUI589836:FUI589837 GEE589836:GEE589837 GOA589836:GOA589837 GXW589836:GXW589837 HHS589836:HHS589837 HRO589836:HRO589837 IBK589836:IBK589837 ILG589836:ILG589837 IVC589836:IVC589837 JEY589836:JEY589837 JOU589836:JOU589837 JYQ589836:JYQ589837 KIM589836:KIM589837 KSI589836:KSI589837 LCE589836:LCE589837 LMA589836:LMA589837 LVW589836:LVW589837 MFS589836:MFS589837 MPO589836:MPO589837 MZK589836:MZK589837 NJG589836:NJG589837 NTC589836:NTC589837 OCY589836:OCY589837 OMU589836:OMU589837 OWQ589836:OWQ589837 PGM589836:PGM589837 PQI589836:PQI589837 QAE589836:QAE589837 QKA589836:QKA589837 QTW589836:QTW589837 RDS589836:RDS589837 RNO589836:RNO589837 RXK589836:RXK589837 SHG589836:SHG589837 SRC589836:SRC589837 TAY589836:TAY589837 TKU589836:TKU589837 TUQ589836:TUQ589837 UEM589836:UEM589837 UOI589836:UOI589837 UYE589836:UYE589837 VIA589836:VIA589837 VRW589836:VRW589837 WBS589836:WBS589837 WLO589836:WLO589837 WVK589836:WVK589837 C655372:C655373 IY655372:IY655373 SU655372:SU655373 ACQ655372:ACQ655373 AMM655372:AMM655373 AWI655372:AWI655373 BGE655372:BGE655373 BQA655372:BQA655373 BZW655372:BZW655373 CJS655372:CJS655373 CTO655372:CTO655373 DDK655372:DDK655373 DNG655372:DNG655373 DXC655372:DXC655373 EGY655372:EGY655373 EQU655372:EQU655373 FAQ655372:FAQ655373 FKM655372:FKM655373 FUI655372:FUI655373 GEE655372:GEE655373 GOA655372:GOA655373 GXW655372:GXW655373 HHS655372:HHS655373 HRO655372:HRO655373 IBK655372:IBK655373 ILG655372:ILG655373 IVC655372:IVC655373 JEY655372:JEY655373 JOU655372:JOU655373 JYQ655372:JYQ655373 KIM655372:KIM655373 KSI655372:KSI655373 LCE655372:LCE655373 LMA655372:LMA655373 LVW655372:LVW655373 MFS655372:MFS655373 MPO655372:MPO655373 MZK655372:MZK655373 NJG655372:NJG655373 NTC655372:NTC655373 OCY655372:OCY655373 OMU655372:OMU655373 OWQ655372:OWQ655373 PGM655372:PGM655373 PQI655372:PQI655373 QAE655372:QAE655373 QKA655372:QKA655373 QTW655372:QTW655373 RDS655372:RDS655373 RNO655372:RNO655373 RXK655372:RXK655373 SHG655372:SHG655373 SRC655372:SRC655373 TAY655372:TAY655373 TKU655372:TKU655373 TUQ655372:TUQ655373 UEM655372:UEM655373 UOI655372:UOI655373 UYE655372:UYE655373 VIA655372:VIA655373 VRW655372:VRW655373 WBS655372:WBS655373 WLO655372:WLO655373 WVK655372:WVK655373 C720908:C720909 IY720908:IY720909 SU720908:SU720909 ACQ720908:ACQ720909 AMM720908:AMM720909 AWI720908:AWI720909 BGE720908:BGE720909 BQA720908:BQA720909 BZW720908:BZW720909 CJS720908:CJS720909 CTO720908:CTO720909 DDK720908:DDK720909 DNG720908:DNG720909 DXC720908:DXC720909 EGY720908:EGY720909 EQU720908:EQU720909 FAQ720908:FAQ720909 FKM720908:FKM720909 FUI720908:FUI720909 GEE720908:GEE720909 GOA720908:GOA720909 GXW720908:GXW720909 HHS720908:HHS720909 HRO720908:HRO720909 IBK720908:IBK720909 ILG720908:ILG720909 IVC720908:IVC720909 JEY720908:JEY720909 JOU720908:JOU720909 JYQ720908:JYQ720909 KIM720908:KIM720909 KSI720908:KSI720909 LCE720908:LCE720909 LMA720908:LMA720909 LVW720908:LVW720909 MFS720908:MFS720909 MPO720908:MPO720909 MZK720908:MZK720909 NJG720908:NJG720909 NTC720908:NTC720909 OCY720908:OCY720909 OMU720908:OMU720909 OWQ720908:OWQ720909 PGM720908:PGM720909 PQI720908:PQI720909 QAE720908:QAE720909 QKA720908:QKA720909 QTW720908:QTW720909 RDS720908:RDS720909 RNO720908:RNO720909 RXK720908:RXK720909 SHG720908:SHG720909 SRC720908:SRC720909 TAY720908:TAY720909 TKU720908:TKU720909 TUQ720908:TUQ720909 UEM720908:UEM720909 UOI720908:UOI720909 UYE720908:UYE720909 VIA720908:VIA720909 VRW720908:VRW720909 WBS720908:WBS720909 WLO720908:WLO720909 WVK720908:WVK720909 C786444:C786445 IY786444:IY786445 SU786444:SU786445 ACQ786444:ACQ786445 AMM786444:AMM786445 AWI786444:AWI786445 BGE786444:BGE786445 BQA786444:BQA786445 BZW786444:BZW786445 CJS786444:CJS786445 CTO786444:CTO786445 DDK786444:DDK786445 DNG786444:DNG786445 DXC786444:DXC786445 EGY786444:EGY786445 EQU786444:EQU786445 FAQ786444:FAQ786445 FKM786444:FKM786445 FUI786444:FUI786445 GEE786444:GEE786445 GOA786444:GOA786445 GXW786444:GXW786445 HHS786444:HHS786445 HRO786444:HRO786445 IBK786444:IBK786445 ILG786444:ILG786445 IVC786444:IVC786445 JEY786444:JEY786445 JOU786444:JOU786445 JYQ786444:JYQ786445 KIM786444:KIM786445 KSI786444:KSI786445 LCE786444:LCE786445 LMA786444:LMA786445 LVW786444:LVW786445 MFS786444:MFS786445 MPO786444:MPO786445 MZK786444:MZK786445 NJG786444:NJG786445 NTC786444:NTC786445 OCY786444:OCY786445 OMU786444:OMU786445 OWQ786444:OWQ786445 PGM786444:PGM786445 PQI786444:PQI786445 QAE786444:QAE786445 QKA786444:QKA786445 QTW786444:QTW786445 RDS786444:RDS786445 RNO786444:RNO786445 RXK786444:RXK786445 SHG786444:SHG786445 SRC786444:SRC786445 TAY786444:TAY786445 TKU786444:TKU786445 TUQ786444:TUQ786445 UEM786444:UEM786445 UOI786444:UOI786445 UYE786444:UYE786445 VIA786444:VIA786445 VRW786444:VRW786445 WBS786444:WBS786445 WLO786444:WLO786445 WVK786444:WVK786445 C851980:C851981 IY851980:IY851981 SU851980:SU851981 ACQ851980:ACQ851981 AMM851980:AMM851981 AWI851980:AWI851981 BGE851980:BGE851981 BQA851980:BQA851981 BZW851980:BZW851981 CJS851980:CJS851981 CTO851980:CTO851981 DDK851980:DDK851981 DNG851980:DNG851981 DXC851980:DXC851981 EGY851980:EGY851981 EQU851980:EQU851981 FAQ851980:FAQ851981 FKM851980:FKM851981 FUI851980:FUI851981 GEE851980:GEE851981 GOA851980:GOA851981 GXW851980:GXW851981 HHS851980:HHS851981 HRO851980:HRO851981 IBK851980:IBK851981 ILG851980:ILG851981 IVC851980:IVC851981 JEY851980:JEY851981 JOU851980:JOU851981 JYQ851980:JYQ851981 KIM851980:KIM851981 KSI851980:KSI851981 LCE851980:LCE851981 LMA851980:LMA851981 LVW851980:LVW851981 MFS851980:MFS851981 MPO851980:MPO851981 MZK851980:MZK851981 NJG851980:NJG851981 NTC851980:NTC851981 OCY851980:OCY851981 OMU851980:OMU851981 OWQ851980:OWQ851981 PGM851980:PGM851981 PQI851980:PQI851981 QAE851980:QAE851981 QKA851980:QKA851981 QTW851980:QTW851981 RDS851980:RDS851981 RNO851980:RNO851981 RXK851980:RXK851981 SHG851980:SHG851981 SRC851980:SRC851981 TAY851980:TAY851981 TKU851980:TKU851981 TUQ851980:TUQ851981 UEM851980:UEM851981 UOI851980:UOI851981 UYE851980:UYE851981 VIA851980:VIA851981 VRW851980:VRW851981 WBS851980:WBS851981 WLO851980:WLO851981 WVK851980:WVK851981 C917516:C917517 IY917516:IY917517 SU917516:SU917517 ACQ917516:ACQ917517 AMM917516:AMM917517 AWI917516:AWI917517 BGE917516:BGE917517 BQA917516:BQA917517 BZW917516:BZW917517 CJS917516:CJS917517 CTO917516:CTO917517 DDK917516:DDK917517 DNG917516:DNG917517 DXC917516:DXC917517 EGY917516:EGY917517 EQU917516:EQU917517 FAQ917516:FAQ917517 FKM917516:FKM917517 FUI917516:FUI917517 GEE917516:GEE917517 GOA917516:GOA917517 GXW917516:GXW917517 HHS917516:HHS917517 HRO917516:HRO917517 IBK917516:IBK917517 ILG917516:ILG917517 IVC917516:IVC917517 JEY917516:JEY917517 JOU917516:JOU917517 JYQ917516:JYQ917517 KIM917516:KIM917517 KSI917516:KSI917517 LCE917516:LCE917517 LMA917516:LMA917517 LVW917516:LVW917517 MFS917516:MFS917517 MPO917516:MPO917517 MZK917516:MZK917517 NJG917516:NJG917517 NTC917516:NTC917517 OCY917516:OCY917517 OMU917516:OMU917517 OWQ917516:OWQ917517 PGM917516:PGM917517 PQI917516:PQI917517 QAE917516:QAE917517 QKA917516:QKA917517 QTW917516:QTW917517 RDS917516:RDS917517 RNO917516:RNO917517 RXK917516:RXK917517 SHG917516:SHG917517 SRC917516:SRC917517 TAY917516:TAY917517 TKU917516:TKU917517 TUQ917516:TUQ917517 UEM917516:UEM917517 UOI917516:UOI917517 UYE917516:UYE917517 VIA917516:VIA917517 VRW917516:VRW917517 WBS917516:WBS917517 WLO917516:WLO917517 WVK917516:WVK917517 C983052:C983053 IY983052:IY983053 SU983052:SU983053 ACQ983052:ACQ983053 AMM983052:AMM983053 AWI983052:AWI983053 BGE983052:BGE983053 BQA983052:BQA983053 BZW983052:BZW983053 CJS983052:CJS983053 CTO983052:CTO983053 DDK983052:DDK983053 DNG983052:DNG983053 DXC983052:DXC983053 EGY983052:EGY983053 EQU983052:EQU983053 FAQ983052:FAQ983053 FKM983052:FKM983053 FUI983052:FUI983053 GEE983052:GEE983053 GOA983052:GOA983053 GXW983052:GXW983053 HHS983052:HHS983053 HRO983052:HRO983053 IBK983052:IBK983053 ILG983052:ILG983053 IVC983052:IVC983053 JEY983052:JEY983053 JOU983052:JOU983053 JYQ983052:JYQ983053 KIM983052:KIM983053 KSI983052:KSI983053 LCE983052:LCE983053 LMA983052:LMA983053 LVW983052:LVW983053 MFS983052:MFS983053 MPO983052:MPO983053 MZK983052:MZK983053 NJG983052:NJG983053 NTC983052:NTC983053 OCY983052:OCY983053 OMU983052:OMU983053 OWQ983052:OWQ983053 PGM983052:PGM983053 PQI983052:PQI983053 QAE983052:QAE983053 QKA983052:QKA983053 QTW983052:QTW983053 RDS983052:RDS983053 RNO983052:RNO983053 RXK983052:RXK983053 SHG983052:SHG983053 SRC983052:SRC983053 TAY983052:TAY983053 TKU983052:TKU983053 TUQ983052:TUQ983053 UEM983052:UEM983053 UOI983052:UOI983053 UYE983052:UYE983053 VIA983052:VIA983053 VRW983052:VRW983053 WBS983052:WBS983053 WLO983052:WLO983053 WVK983052:WVK983053" xr:uid="{33E76D60-03DE-4EEE-914F-9382D2B77AFF}">
      <formula1>"□,■"</formula1>
    </dataValidation>
  </dataValidations>
  <pageMargins left="0.7" right="0.7" top="0.75" bottom="0.75" header="0.3" footer="0.3"/>
  <pageSetup paperSize="9" scale="67" orientation="portrait"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4B55151-9F1F-4B6A-8769-04D20C3C45BA}">
  <dimension ref="A1:O58"/>
  <sheetViews>
    <sheetView view="pageBreakPreview" zoomScale="80" zoomScaleNormal="100" zoomScaleSheetLayoutView="80" workbookViewId="0">
      <selection activeCell="L7" sqref="L7:O7"/>
    </sheetView>
  </sheetViews>
  <sheetFormatPr defaultColWidth="9" defaultRowHeight="13.5"/>
  <cols>
    <col min="1" max="1" width="1.375" style="4" customWidth="1"/>
    <col min="2" max="2" width="16.375" style="4" customWidth="1"/>
    <col min="3" max="3" width="15.125" style="4" customWidth="1"/>
    <col min="4" max="14" width="6.625" style="4" customWidth="1"/>
    <col min="15" max="15" width="12.375" style="4" customWidth="1"/>
    <col min="16" max="256" width="9" style="4"/>
    <col min="257" max="257" width="1.375" style="4" customWidth="1"/>
    <col min="258" max="258" width="16.375" style="4" customWidth="1"/>
    <col min="259" max="259" width="15.125" style="4" customWidth="1"/>
    <col min="260" max="270" width="6.625" style="4" customWidth="1"/>
    <col min="271" max="271" width="12.375" style="4" customWidth="1"/>
    <col min="272" max="512" width="9" style="4"/>
    <col min="513" max="513" width="1.375" style="4" customWidth="1"/>
    <col min="514" max="514" width="16.375" style="4" customWidth="1"/>
    <col min="515" max="515" width="15.125" style="4" customWidth="1"/>
    <col min="516" max="526" width="6.625" style="4" customWidth="1"/>
    <col min="527" max="527" width="12.375" style="4" customWidth="1"/>
    <col min="528" max="768" width="9" style="4"/>
    <col min="769" max="769" width="1.375" style="4" customWidth="1"/>
    <col min="770" max="770" width="16.375" style="4" customWidth="1"/>
    <col min="771" max="771" width="15.125" style="4" customWidth="1"/>
    <col min="772" max="782" width="6.625" style="4" customWidth="1"/>
    <col min="783" max="783" width="12.375" style="4" customWidth="1"/>
    <col min="784" max="1024" width="9" style="4"/>
    <col min="1025" max="1025" width="1.375" style="4" customWidth="1"/>
    <col min="1026" max="1026" width="16.375" style="4" customWidth="1"/>
    <col min="1027" max="1027" width="15.125" style="4" customWidth="1"/>
    <col min="1028" max="1038" width="6.625" style="4" customWidth="1"/>
    <col min="1039" max="1039" width="12.375" style="4" customWidth="1"/>
    <col min="1040" max="1280" width="9" style="4"/>
    <col min="1281" max="1281" width="1.375" style="4" customWidth="1"/>
    <col min="1282" max="1282" width="16.375" style="4" customWidth="1"/>
    <col min="1283" max="1283" width="15.125" style="4" customWidth="1"/>
    <col min="1284" max="1294" width="6.625" style="4" customWidth="1"/>
    <col min="1295" max="1295" width="12.375" style="4" customWidth="1"/>
    <col min="1296" max="1536" width="9" style="4"/>
    <col min="1537" max="1537" width="1.375" style="4" customWidth="1"/>
    <col min="1538" max="1538" width="16.375" style="4" customWidth="1"/>
    <col min="1539" max="1539" width="15.125" style="4" customWidth="1"/>
    <col min="1540" max="1550" width="6.625" style="4" customWidth="1"/>
    <col min="1551" max="1551" width="12.375" style="4" customWidth="1"/>
    <col min="1552" max="1792" width="9" style="4"/>
    <col min="1793" max="1793" width="1.375" style="4" customWidth="1"/>
    <col min="1794" max="1794" width="16.375" style="4" customWidth="1"/>
    <col min="1795" max="1795" width="15.125" style="4" customWidth="1"/>
    <col min="1796" max="1806" width="6.625" style="4" customWidth="1"/>
    <col min="1807" max="1807" width="12.375" style="4" customWidth="1"/>
    <col min="1808" max="2048" width="9" style="4"/>
    <col min="2049" max="2049" width="1.375" style="4" customWidth="1"/>
    <col min="2050" max="2050" width="16.375" style="4" customWidth="1"/>
    <col min="2051" max="2051" width="15.125" style="4" customWidth="1"/>
    <col min="2052" max="2062" width="6.625" style="4" customWidth="1"/>
    <col min="2063" max="2063" width="12.375" style="4" customWidth="1"/>
    <col min="2064" max="2304" width="9" style="4"/>
    <col min="2305" max="2305" width="1.375" style="4" customWidth="1"/>
    <col min="2306" max="2306" width="16.375" style="4" customWidth="1"/>
    <col min="2307" max="2307" width="15.125" style="4" customWidth="1"/>
    <col min="2308" max="2318" width="6.625" style="4" customWidth="1"/>
    <col min="2319" max="2319" width="12.375" style="4" customWidth="1"/>
    <col min="2320" max="2560" width="9" style="4"/>
    <col min="2561" max="2561" width="1.375" style="4" customWidth="1"/>
    <col min="2562" max="2562" width="16.375" style="4" customWidth="1"/>
    <col min="2563" max="2563" width="15.125" style="4" customWidth="1"/>
    <col min="2564" max="2574" width="6.625" style="4" customWidth="1"/>
    <col min="2575" max="2575" width="12.375" style="4" customWidth="1"/>
    <col min="2576" max="2816" width="9" style="4"/>
    <col min="2817" max="2817" width="1.375" style="4" customWidth="1"/>
    <col min="2818" max="2818" width="16.375" style="4" customWidth="1"/>
    <col min="2819" max="2819" width="15.125" style="4" customWidth="1"/>
    <col min="2820" max="2830" width="6.625" style="4" customWidth="1"/>
    <col min="2831" max="2831" width="12.375" style="4" customWidth="1"/>
    <col min="2832" max="3072" width="9" style="4"/>
    <col min="3073" max="3073" width="1.375" style="4" customWidth="1"/>
    <col min="3074" max="3074" width="16.375" style="4" customWidth="1"/>
    <col min="3075" max="3075" width="15.125" style="4" customWidth="1"/>
    <col min="3076" max="3086" width="6.625" style="4" customWidth="1"/>
    <col min="3087" max="3087" width="12.375" style="4" customWidth="1"/>
    <col min="3088" max="3328" width="9" style="4"/>
    <col min="3329" max="3329" width="1.375" style="4" customWidth="1"/>
    <col min="3330" max="3330" width="16.375" style="4" customWidth="1"/>
    <col min="3331" max="3331" width="15.125" style="4" customWidth="1"/>
    <col min="3332" max="3342" width="6.625" style="4" customWidth="1"/>
    <col min="3343" max="3343" width="12.375" style="4" customWidth="1"/>
    <col min="3344" max="3584" width="9" style="4"/>
    <col min="3585" max="3585" width="1.375" style="4" customWidth="1"/>
    <col min="3586" max="3586" width="16.375" style="4" customWidth="1"/>
    <col min="3587" max="3587" width="15.125" style="4" customWidth="1"/>
    <col min="3588" max="3598" width="6.625" style="4" customWidth="1"/>
    <col min="3599" max="3599" width="12.375" style="4" customWidth="1"/>
    <col min="3600" max="3840" width="9" style="4"/>
    <col min="3841" max="3841" width="1.375" style="4" customWidth="1"/>
    <col min="3842" max="3842" width="16.375" style="4" customWidth="1"/>
    <col min="3843" max="3843" width="15.125" style="4" customWidth="1"/>
    <col min="3844" max="3854" width="6.625" style="4" customWidth="1"/>
    <col min="3855" max="3855" width="12.375" style="4" customWidth="1"/>
    <col min="3856" max="4096" width="9" style="4"/>
    <col min="4097" max="4097" width="1.375" style="4" customWidth="1"/>
    <col min="4098" max="4098" width="16.375" style="4" customWidth="1"/>
    <col min="4099" max="4099" width="15.125" style="4" customWidth="1"/>
    <col min="4100" max="4110" width="6.625" style="4" customWidth="1"/>
    <col min="4111" max="4111" width="12.375" style="4" customWidth="1"/>
    <col min="4112" max="4352" width="9" style="4"/>
    <col min="4353" max="4353" width="1.375" style="4" customWidth="1"/>
    <col min="4354" max="4354" width="16.375" style="4" customWidth="1"/>
    <col min="4355" max="4355" width="15.125" style="4" customWidth="1"/>
    <col min="4356" max="4366" width="6.625" style="4" customWidth="1"/>
    <col min="4367" max="4367" width="12.375" style="4" customWidth="1"/>
    <col min="4368" max="4608" width="9" style="4"/>
    <col min="4609" max="4609" width="1.375" style="4" customWidth="1"/>
    <col min="4610" max="4610" width="16.375" style="4" customWidth="1"/>
    <col min="4611" max="4611" width="15.125" style="4" customWidth="1"/>
    <col min="4612" max="4622" width="6.625" style="4" customWidth="1"/>
    <col min="4623" max="4623" width="12.375" style="4" customWidth="1"/>
    <col min="4624" max="4864" width="9" style="4"/>
    <col min="4865" max="4865" width="1.375" style="4" customWidth="1"/>
    <col min="4866" max="4866" width="16.375" style="4" customWidth="1"/>
    <col min="4867" max="4867" width="15.125" style="4" customWidth="1"/>
    <col min="4868" max="4878" width="6.625" style="4" customWidth="1"/>
    <col min="4879" max="4879" width="12.375" style="4" customWidth="1"/>
    <col min="4880" max="5120" width="9" style="4"/>
    <col min="5121" max="5121" width="1.375" style="4" customWidth="1"/>
    <col min="5122" max="5122" width="16.375" style="4" customWidth="1"/>
    <col min="5123" max="5123" width="15.125" style="4" customWidth="1"/>
    <col min="5124" max="5134" width="6.625" style="4" customWidth="1"/>
    <col min="5135" max="5135" width="12.375" style="4" customWidth="1"/>
    <col min="5136" max="5376" width="9" style="4"/>
    <col min="5377" max="5377" width="1.375" style="4" customWidth="1"/>
    <col min="5378" max="5378" width="16.375" style="4" customWidth="1"/>
    <col min="5379" max="5379" width="15.125" style="4" customWidth="1"/>
    <col min="5380" max="5390" width="6.625" style="4" customWidth="1"/>
    <col min="5391" max="5391" width="12.375" style="4" customWidth="1"/>
    <col min="5392" max="5632" width="9" style="4"/>
    <col min="5633" max="5633" width="1.375" style="4" customWidth="1"/>
    <col min="5634" max="5634" width="16.375" style="4" customWidth="1"/>
    <col min="5635" max="5635" width="15.125" style="4" customWidth="1"/>
    <col min="5636" max="5646" width="6.625" style="4" customWidth="1"/>
    <col min="5647" max="5647" width="12.375" style="4" customWidth="1"/>
    <col min="5648" max="5888" width="9" style="4"/>
    <col min="5889" max="5889" width="1.375" style="4" customWidth="1"/>
    <col min="5890" max="5890" width="16.375" style="4" customWidth="1"/>
    <col min="5891" max="5891" width="15.125" style="4" customWidth="1"/>
    <col min="5892" max="5902" width="6.625" style="4" customWidth="1"/>
    <col min="5903" max="5903" width="12.375" style="4" customWidth="1"/>
    <col min="5904" max="6144" width="9" style="4"/>
    <col min="6145" max="6145" width="1.375" style="4" customWidth="1"/>
    <col min="6146" max="6146" width="16.375" style="4" customWidth="1"/>
    <col min="6147" max="6147" width="15.125" style="4" customWidth="1"/>
    <col min="6148" max="6158" width="6.625" style="4" customWidth="1"/>
    <col min="6159" max="6159" width="12.375" style="4" customWidth="1"/>
    <col min="6160" max="6400" width="9" style="4"/>
    <col min="6401" max="6401" width="1.375" style="4" customWidth="1"/>
    <col min="6402" max="6402" width="16.375" style="4" customWidth="1"/>
    <col min="6403" max="6403" width="15.125" style="4" customWidth="1"/>
    <col min="6404" max="6414" width="6.625" style="4" customWidth="1"/>
    <col min="6415" max="6415" width="12.375" style="4" customWidth="1"/>
    <col min="6416" max="6656" width="9" style="4"/>
    <col min="6657" max="6657" width="1.375" style="4" customWidth="1"/>
    <col min="6658" max="6658" width="16.375" style="4" customWidth="1"/>
    <col min="6659" max="6659" width="15.125" style="4" customWidth="1"/>
    <col min="6660" max="6670" width="6.625" style="4" customWidth="1"/>
    <col min="6671" max="6671" width="12.375" style="4" customWidth="1"/>
    <col min="6672" max="6912" width="9" style="4"/>
    <col min="6913" max="6913" width="1.375" style="4" customWidth="1"/>
    <col min="6914" max="6914" width="16.375" style="4" customWidth="1"/>
    <col min="6915" max="6915" width="15.125" style="4" customWidth="1"/>
    <col min="6916" max="6926" width="6.625" style="4" customWidth="1"/>
    <col min="6927" max="6927" width="12.375" style="4" customWidth="1"/>
    <col min="6928" max="7168" width="9" style="4"/>
    <col min="7169" max="7169" width="1.375" style="4" customWidth="1"/>
    <col min="7170" max="7170" width="16.375" style="4" customWidth="1"/>
    <col min="7171" max="7171" width="15.125" style="4" customWidth="1"/>
    <col min="7172" max="7182" width="6.625" style="4" customWidth="1"/>
    <col min="7183" max="7183" width="12.375" style="4" customWidth="1"/>
    <col min="7184" max="7424" width="9" style="4"/>
    <col min="7425" max="7425" width="1.375" style="4" customWidth="1"/>
    <col min="7426" max="7426" width="16.375" style="4" customWidth="1"/>
    <col min="7427" max="7427" width="15.125" style="4" customWidth="1"/>
    <col min="7428" max="7438" width="6.625" style="4" customWidth="1"/>
    <col min="7439" max="7439" width="12.375" style="4" customWidth="1"/>
    <col min="7440" max="7680" width="9" style="4"/>
    <col min="7681" max="7681" width="1.375" style="4" customWidth="1"/>
    <col min="7682" max="7682" width="16.375" style="4" customWidth="1"/>
    <col min="7683" max="7683" width="15.125" style="4" customWidth="1"/>
    <col min="7684" max="7694" width="6.625" style="4" customWidth="1"/>
    <col min="7695" max="7695" width="12.375" style="4" customWidth="1"/>
    <col min="7696" max="7936" width="9" style="4"/>
    <col min="7937" max="7937" width="1.375" style="4" customWidth="1"/>
    <col min="7938" max="7938" width="16.375" style="4" customWidth="1"/>
    <col min="7939" max="7939" width="15.125" style="4" customWidth="1"/>
    <col min="7940" max="7950" width="6.625" style="4" customWidth="1"/>
    <col min="7951" max="7951" width="12.375" style="4" customWidth="1"/>
    <col min="7952" max="8192" width="9" style="4"/>
    <col min="8193" max="8193" width="1.375" style="4" customWidth="1"/>
    <col min="8194" max="8194" width="16.375" style="4" customWidth="1"/>
    <col min="8195" max="8195" width="15.125" style="4" customWidth="1"/>
    <col min="8196" max="8206" width="6.625" style="4" customWidth="1"/>
    <col min="8207" max="8207" width="12.375" style="4" customWidth="1"/>
    <col min="8208" max="8448" width="9" style="4"/>
    <col min="8449" max="8449" width="1.375" style="4" customWidth="1"/>
    <col min="8450" max="8450" width="16.375" style="4" customWidth="1"/>
    <col min="8451" max="8451" width="15.125" style="4" customWidth="1"/>
    <col min="8452" max="8462" width="6.625" style="4" customWidth="1"/>
    <col min="8463" max="8463" width="12.375" style="4" customWidth="1"/>
    <col min="8464" max="8704" width="9" style="4"/>
    <col min="8705" max="8705" width="1.375" style="4" customWidth="1"/>
    <col min="8706" max="8706" width="16.375" style="4" customWidth="1"/>
    <col min="8707" max="8707" width="15.125" style="4" customWidth="1"/>
    <col min="8708" max="8718" width="6.625" style="4" customWidth="1"/>
    <col min="8719" max="8719" width="12.375" style="4" customWidth="1"/>
    <col min="8720" max="8960" width="9" style="4"/>
    <col min="8961" max="8961" width="1.375" style="4" customWidth="1"/>
    <col min="8962" max="8962" width="16.375" style="4" customWidth="1"/>
    <col min="8963" max="8963" width="15.125" style="4" customWidth="1"/>
    <col min="8964" max="8974" width="6.625" style="4" customWidth="1"/>
    <col min="8975" max="8975" width="12.375" style="4" customWidth="1"/>
    <col min="8976" max="9216" width="9" style="4"/>
    <col min="9217" max="9217" width="1.375" style="4" customWidth="1"/>
    <col min="9218" max="9218" width="16.375" style="4" customWidth="1"/>
    <col min="9219" max="9219" width="15.125" style="4" customWidth="1"/>
    <col min="9220" max="9230" width="6.625" style="4" customWidth="1"/>
    <col min="9231" max="9231" width="12.375" style="4" customWidth="1"/>
    <col min="9232" max="9472" width="9" style="4"/>
    <col min="9473" max="9473" width="1.375" style="4" customWidth="1"/>
    <col min="9474" max="9474" width="16.375" style="4" customWidth="1"/>
    <col min="9475" max="9475" width="15.125" style="4" customWidth="1"/>
    <col min="9476" max="9486" width="6.625" style="4" customWidth="1"/>
    <col min="9487" max="9487" width="12.375" style="4" customWidth="1"/>
    <col min="9488" max="9728" width="9" style="4"/>
    <col min="9729" max="9729" width="1.375" style="4" customWidth="1"/>
    <col min="9730" max="9730" width="16.375" style="4" customWidth="1"/>
    <col min="9731" max="9731" width="15.125" style="4" customWidth="1"/>
    <col min="9732" max="9742" width="6.625" style="4" customWidth="1"/>
    <col min="9743" max="9743" width="12.375" style="4" customWidth="1"/>
    <col min="9744" max="9984" width="9" style="4"/>
    <col min="9985" max="9985" width="1.375" style="4" customWidth="1"/>
    <col min="9986" max="9986" width="16.375" style="4" customWidth="1"/>
    <col min="9987" max="9987" width="15.125" style="4" customWidth="1"/>
    <col min="9988" max="9998" width="6.625" style="4" customWidth="1"/>
    <col min="9999" max="9999" width="12.375" style="4" customWidth="1"/>
    <col min="10000" max="10240" width="9" style="4"/>
    <col min="10241" max="10241" width="1.375" style="4" customWidth="1"/>
    <col min="10242" max="10242" width="16.375" style="4" customWidth="1"/>
    <col min="10243" max="10243" width="15.125" style="4" customWidth="1"/>
    <col min="10244" max="10254" width="6.625" style="4" customWidth="1"/>
    <col min="10255" max="10255" width="12.375" style="4" customWidth="1"/>
    <col min="10256" max="10496" width="9" style="4"/>
    <col min="10497" max="10497" width="1.375" style="4" customWidth="1"/>
    <col min="10498" max="10498" width="16.375" style="4" customWidth="1"/>
    <col min="10499" max="10499" width="15.125" style="4" customWidth="1"/>
    <col min="10500" max="10510" width="6.625" style="4" customWidth="1"/>
    <col min="10511" max="10511" width="12.375" style="4" customWidth="1"/>
    <col min="10512" max="10752" width="9" style="4"/>
    <col min="10753" max="10753" width="1.375" style="4" customWidth="1"/>
    <col min="10754" max="10754" width="16.375" style="4" customWidth="1"/>
    <col min="10755" max="10755" width="15.125" style="4" customWidth="1"/>
    <col min="10756" max="10766" width="6.625" style="4" customWidth="1"/>
    <col min="10767" max="10767" width="12.375" style="4" customWidth="1"/>
    <col min="10768" max="11008" width="9" style="4"/>
    <col min="11009" max="11009" width="1.375" style="4" customWidth="1"/>
    <col min="11010" max="11010" width="16.375" style="4" customWidth="1"/>
    <col min="11011" max="11011" width="15.125" style="4" customWidth="1"/>
    <col min="11012" max="11022" width="6.625" style="4" customWidth="1"/>
    <col min="11023" max="11023" width="12.375" style="4" customWidth="1"/>
    <col min="11024" max="11264" width="9" style="4"/>
    <col min="11265" max="11265" width="1.375" style="4" customWidth="1"/>
    <col min="11266" max="11266" width="16.375" style="4" customWidth="1"/>
    <col min="11267" max="11267" width="15.125" style="4" customWidth="1"/>
    <col min="11268" max="11278" width="6.625" style="4" customWidth="1"/>
    <col min="11279" max="11279" width="12.375" style="4" customWidth="1"/>
    <col min="11280" max="11520" width="9" style="4"/>
    <col min="11521" max="11521" width="1.375" style="4" customWidth="1"/>
    <col min="11522" max="11522" width="16.375" style="4" customWidth="1"/>
    <col min="11523" max="11523" width="15.125" style="4" customWidth="1"/>
    <col min="11524" max="11534" width="6.625" style="4" customWidth="1"/>
    <col min="11535" max="11535" width="12.375" style="4" customWidth="1"/>
    <col min="11536" max="11776" width="9" style="4"/>
    <col min="11777" max="11777" width="1.375" style="4" customWidth="1"/>
    <col min="11778" max="11778" width="16.375" style="4" customWidth="1"/>
    <col min="11779" max="11779" width="15.125" style="4" customWidth="1"/>
    <col min="11780" max="11790" width="6.625" style="4" customWidth="1"/>
    <col min="11791" max="11791" width="12.375" style="4" customWidth="1"/>
    <col min="11792" max="12032" width="9" style="4"/>
    <col min="12033" max="12033" width="1.375" style="4" customWidth="1"/>
    <col min="12034" max="12034" width="16.375" style="4" customWidth="1"/>
    <col min="12035" max="12035" width="15.125" style="4" customWidth="1"/>
    <col min="12036" max="12046" width="6.625" style="4" customWidth="1"/>
    <col min="12047" max="12047" width="12.375" style="4" customWidth="1"/>
    <col min="12048" max="12288" width="9" style="4"/>
    <col min="12289" max="12289" width="1.375" style="4" customWidth="1"/>
    <col min="12290" max="12290" width="16.375" style="4" customWidth="1"/>
    <col min="12291" max="12291" width="15.125" style="4" customWidth="1"/>
    <col min="12292" max="12302" width="6.625" style="4" customWidth="1"/>
    <col min="12303" max="12303" width="12.375" style="4" customWidth="1"/>
    <col min="12304" max="12544" width="9" style="4"/>
    <col min="12545" max="12545" width="1.375" style="4" customWidth="1"/>
    <col min="12546" max="12546" width="16.375" style="4" customWidth="1"/>
    <col min="12547" max="12547" width="15.125" style="4" customWidth="1"/>
    <col min="12548" max="12558" width="6.625" style="4" customWidth="1"/>
    <col min="12559" max="12559" width="12.375" style="4" customWidth="1"/>
    <col min="12560" max="12800" width="9" style="4"/>
    <col min="12801" max="12801" width="1.375" style="4" customWidth="1"/>
    <col min="12802" max="12802" width="16.375" style="4" customWidth="1"/>
    <col min="12803" max="12803" width="15.125" style="4" customWidth="1"/>
    <col min="12804" max="12814" width="6.625" style="4" customWidth="1"/>
    <col min="12815" max="12815" width="12.375" style="4" customWidth="1"/>
    <col min="12816" max="13056" width="9" style="4"/>
    <col min="13057" max="13057" width="1.375" style="4" customWidth="1"/>
    <col min="13058" max="13058" width="16.375" style="4" customWidth="1"/>
    <col min="13059" max="13059" width="15.125" style="4" customWidth="1"/>
    <col min="13060" max="13070" width="6.625" style="4" customWidth="1"/>
    <col min="13071" max="13071" width="12.375" style="4" customWidth="1"/>
    <col min="13072" max="13312" width="9" style="4"/>
    <col min="13313" max="13313" width="1.375" style="4" customWidth="1"/>
    <col min="13314" max="13314" width="16.375" style="4" customWidth="1"/>
    <col min="13315" max="13315" width="15.125" style="4" customWidth="1"/>
    <col min="13316" max="13326" width="6.625" style="4" customWidth="1"/>
    <col min="13327" max="13327" width="12.375" style="4" customWidth="1"/>
    <col min="13328" max="13568" width="9" style="4"/>
    <col min="13569" max="13569" width="1.375" style="4" customWidth="1"/>
    <col min="13570" max="13570" width="16.375" style="4" customWidth="1"/>
    <col min="13571" max="13571" width="15.125" style="4" customWidth="1"/>
    <col min="13572" max="13582" width="6.625" style="4" customWidth="1"/>
    <col min="13583" max="13583" width="12.375" style="4" customWidth="1"/>
    <col min="13584" max="13824" width="9" style="4"/>
    <col min="13825" max="13825" width="1.375" style="4" customWidth="1"/>
    <col min="13826" max="13826" width="16.375" style="4" customWidth="1"/>
    <col min="13827" max="13827" width="15.125" style="4" customWidth="1"/>
    <col min="13828" max="13838" width="6.625" style="4" customWidth="1"/>
    <col min="13839" max="13839" width="12.375" style="4" customWidth="1"/>
    <col min="13840" max="14080" width="9" style="4"/>
    <col min="14081" max="14081" width="1.375" style="4" customWidth="1"/>
    <col min="14082" max="14082" width="16.375" style="4" customWidth="1"/>
    <col min="14083" max="14083" width="15.125" style="4" customWidth="1"/>
    <col min="14084" max="14094" width="6.625" style="4" customWidth="1"/>
    <col min="14095" max="14095" width="12.375" style="4" customWidth="1"/>
    <col min="14096" max="14336" width="9" style="4"/>
    <col min="14337" max="14337" width="1.375" style="4" customWidth="1"/>
    <col min="14338" max="14338" width="16.375" style="4" customWidth="1"/>
    <col min="14339" max="14339" width="15.125" style="4" customWidth="1"/>
    <col min="14340" max="14350" width="6.625" style="4" customWidth="1"/>
    <col min="14351" max="14351" width="12.375" style="4" customWidth="1"/>
    <col min="14352" max="14592" width="9" style="4"/>
    <col min="14593" max="14593" width="1.375" style="4" customWidth="1"/>
    <col min="14594" max="14594" width="16.375" style="4" customWidth="1"/>
    <col min="14595" max="14595" width="15.125" style="4" customWidth="1"/>
    <col min="14596" max="14606" width="6.625" style="4" customWidth="1"/>
    <col min="14607" max="14607" width="12.375" style="4" customWidth="1"/>
    <col min="14608" max="14848" width="9" style="4"/>
    <col min="14849" max="14849" width="1.375" style="4" customWidth="1"/>
    <col min="14850" max="14850" width="16.375" style="4" customWidth="1"/>
    <col min="14851" max="14851" width="15.125" style="4" customWidth="1"/>
    <col min="14852" max="14862" width="6.625" style="4" customWidth="1"/>
    <col min="14863" max="14863" width="12.375" style="4" customWidth="1"/>
    <col min="14864" max="15104" width="9" style="4"/>
    <col min="15105" max="15105" width="1.375" style="4" customWidth="1"/>
    <col min="15106" max="15106" width="16.375" style="4" customWidth="1"/>
    <col min="15107" max="15107" width="15.125" style="4" customWidth="1"/>
    <col min="15108" max="15118" width="6.625" style="4" customWidth="1"/>
    <col min="15119" max="15119" width="12.375" style="4" customWidth="1"/>
    <col min="15120" max="15360" width="9" style="4"/>
    <col min="15361" max="15361" width="1.375" style="4" customWidth="1"/>
    <col min="15362" max="15362" width="16.375" style="4" customWidth="1"/>
    <col min="15363" max="15363" width="15.125" style="4" customWidth="1"/>
    <col min="15364" max="15374" width="6.625" style="4" customWidth="1"/>
    <col min="15375" max="15375" width="12.375" style="4" customWidth="1"/>
    <col min="15376" max="15616" width="9" style="4"/>
    <col min="15617" max="15617" width="1.375" style="4" customWidth="1"/>
    <col min="15618" max="15618" width="16.375" style="4" customWidth="1"/>
    <col min="15619" max="15619" width="15.125" style="4" customWidth="1"/>
    <col min="15620" max="15630" width="6.625" style="4" customWidth="1"/>
    <col min="15631" max="15631" width="12.375" style="4" customWidth="1"/>
    <col min="15632" max="15872" width="9" style="4"/>
    <col min="15873" max="15873" width="1.375" style="4" customWidth="1"/>
    <col min="15874" max="15874" width="16.375" style="4" customWidth="1"/>
    <col min="15875" max="15875" width="15.125" style="4" customWidth="1"/>
    <col min="15876" max="15886" width="6.625" style="4" customWidth="1"/>
    <col min="15887" max="15887" width="12.375" style="4" customWidth="1"/>
    <col min="15888" max="16128" width="9" style="4"/>
    <col min="16129" max="16129" width="1.375" style="4" customWidth="1"/>
    <col min="16130" max="16130" width="16.375" style="4" customWidth="1"/>
    <col min="16131" max="16131" width="15.125" style="4" customWidth="1"/>
    <col min="16132" max="16142" width="6.625" style="4" customWidth="1"/>
    <col min="16143" max="16143" width="12.375" style="4" customWidth="1"/>
    <col min="16144" max="16384" width="9" style="4"/>
  </cols>
  <sheetData>
    <row r="1" spans="1:15" ht="21.75" customHeight="1">
      <c r="N1" s="4" t="s">
        <v>94</v>
      </c>
    </row>
    <row r="2" spans="1:15" ht="21.75" customHeight="1">
      <c r="C2" s="312" t="s">
        <v>95</v>
      </c>
      <c r="D2" s="312"/>
      <c r="E2" s="312"/>
      <c r="F2" s="312"/>
      <c r="G2" s="312"/>
      <c r="H2" s="312"/>
      <c r="I2" s="312"/>
      <c r="J2" s="313" t="s">
        <v>96</v>
      </c>
      <c r="K2" s="314"/>
      <c r="L2" s="314"/>
    </row>
    <row r="3" spans="1:15" ht="4.5" customHeight="1">
      <c r="C3" s="30"/>
      <c r="J3" s="314"/>
      <c r="K3" s="314"/>
      <c r="L3" s="314"/>
    </row>
    <row r="4" spans="1:15" ht="21.75" customHeight="1">
      <c r="C4" s="312" t="s">
        <v>97</v>
      </c>
      <c r="D4" s="312"/>
      <c r="E4" s="312"/>
      <c r="F4" s="312"/>
      <c r="G4" s="312"/>
      <c r="H4" s="312"/>
      <c r="I4" s="312"/>
      <c r="J4" s="314"/>
      <c r="K4" s="314"/>
      <c r="L4" s="314"/>
    </row>
    <row r="5" spans="1:15" ht="19.5" customHeight="1">
      <c r="B5" s="25" t="s">
        <v>98</v>
      </c>
      <c r="C5" s="25"/>
      <c r="F5" s="30"/>
    </row>
    <row r="6" spans="1:15" ht="19.5" customHeight="1">
      <c r="L6" s="31" t="s">
        <v>99</v>
      </c>
    </row>
    <row r="7" spans="1:15" ht="19.5" customHeight="1">
      <c r="J7" s="315" t="s">
        <v>100</v>
      </c>
      <c r="K7" s="315"/>
      <c r="L7" s="315"/>
      <c r="M7" s="315"/>
      <c r="N7" s="315"/>
      <c r="O7" s="315"/>
    </row>
    <row r="8" spans="1:15" ht="10.5" customHeight="1"/>
    <row r="9" spans="1:15" ht="18.75" customHeight="1">
      <c r="A9" s="4" t="s">
        <v>101</v>
      </c>
    </row>
    <row r="10" spans="1:15" ht="10.5" customHeight="1"/>
    <row r="11" spans="1:15" ht="30" customHeight="1">
      <c r="B11" s="310"/>
      <c r="C11" s="311"/>
      <c r="D11" s="32" t="s">
        <v>102</v>
      </c>
      <c r="E11" s="32" t="s">
        <v>103</v>
      </c>
      <c r="F11" s="32" t="s">
        <v>104</v>
      </c>
      <c r="G11" s="32" t="s">
        <v>105</v>
      </c>
      <c r="H11" s="32" t="s">
        <v>106</v>
      </c>
      <c r="I11" s="32" t="s">
        <v>107</v>
      </c>
      <c r="J11" s="32" t="s">
        <v>108</v>
      </c>
      <c r="K11" s="32" t="s">
        <v>109</v>
      </c>
      <c r="L11" s="32" t="s">
        <v>110</v>
      </c>
      <c r="M11" s="32" t="s">
        <v>111</v>
      </c>
      <c r="N11" s="32" t="s">
        <v>112</v>
      </c>
      <c r="O11" s="33" t="s">
        <v>113</v>
      </c>
    </row>
    <row r="12" spans="1:15" ht="38.25" customHeight="1">
      <c r="B12" s="310" t="s">
        <v>114</v>
      </c>
      <c r="C12" s="311"/>
      <c r="D12" s="34"/>
      <c r="E12" s="34"/>
      <c r="F12" s="34"/>
      <c r="G12" s="34"/>
      <c r="H12" s="34"/>
      <c r="I12" s="34"/>
      <c r="J12" s="34"/>
      <c r="K12" s="34"/>
      <c r="L12" s="34"/>
      <c r="M12" s="34"/>
      <c r="N12" s="34"/>
      <c r="O12" s="316"/>
    </row>
    <row r="13" spans="1:15" ht="38.25" customHeight="1">
      <c r="B13" s="310" t="s">
        <v>115</v>
      </c>
      <c r="C13" s="311"/>
      <c r="D13" s="34"/>
      <c r="E13" s="34"/>
      <c r="F13" s="34"/>
      <c r="G13" s="34"/>
      <c r="H13" s="34"/>
      <c r="I13" s="34"/>
      <c r="J13" s="34"/>
      <c r="K13" s="34"/>
      <c r="L13" s="34"/>
      <c r="M13" s="34"/>
      <c r="N13" s="34"/>
      <c r="O13" s="317"/>
    </row>
    <row r="14" spans="1:15" ht="27.75" customHeight="1">
      <c r="B14" s="310" t="s">
        <v>116</v>
      </c>
      <c r="C14" s="311"/>
      <c r="D14" s="35">
        <f>IF(D12&gt;0,ROUNDDOWN(D12/D13,1),0)</f>
        <v>0</v>
      </c>
      <c r="E14" s="35">
        <f t="shared" ref="E14:N14" si="0">IF(E12&gt;0,ROUNDDOWN(E12/E13,1),0)</f>
        <v>0</v>
      </c>
      <c r="F14" s="35">
        <f t="shared" si="0"/>
        <v>0</v>
      </c>
      <c r="G14" s="35">
        <f t="shared" si="0"/>
        <v>0</v>
      </c>
      <c r="H14" s="35">
        <f t="shared" si="0"/>
        <v>0</v>
      </c>
      <c r="I14" s="35">
        <f t="shared" si="0"/>
        <v>0</v>
      </c>
      <c r="J14" s="35">
        <f t="shared" si="0"/>
        <v>0</v>
      </c>
      <c r="K14" s="35">
        <f t="shared" si="0"/>
        <v>0</v>
      </c>
      <c r="L14" s="35">
        <f t="shared" si="0"/>
        <v>0</v>
      </c>
      <c r="M14" s="35">
        <f t="shared" si="0"/>
        <v>0</v>
      </c>
      <c r="N14" s="35">
        <f t="shared" si="0"/>
        <v>0</v>
      </c>
      <c r="O14" s="35" t="e">
        <f>ROUNDDOWN(SUM(D14:N14)/COUNTIF(D13:N13,"&gt;0"),1)</f>
        <v>#DIV/0!</v>
      </c>
    </row>
    <row r="15" spans="1:15" ht="16.5" customHeight="1">
      <c r="A15" s="4" t="s">
        <v>117</v>
      </c>
      <c r="E15" s="36"/>
    </row>
    <row r="16" spans="1:15" ht="16.5" customHeight="1">
      <c r="A16" s="4" t="s">
        <v>118</v>
      </c>
      <c r="E16" s="36"/>
    </row>
    <row r="17" spans="1:15" ht="7.5" customHeight="1"/>
    <row r="18" spans="1:15" ht="16.5" customHeight="1">
      <c r="A18" s="4" t="s">
        <v>119</v>
      </c>
    </row>
    <row r="19" spans="1:15" ht="16.5" customHeight="1">
      <c r="B19" s="37" t="s">
        <v>120</v>
      </c>
      <c r="C19" s="38"/>
      <c r="D19" s="38"/>
      <c r="E19" s="38"/>
      <c r="F19" s="38"/>
      <c r="G19" s="38"/>
      <c r="H19" s="38"/>
      <c r="I19" s="38"/>
      <c r="J19" s="38"/>
      <c r="K19" s="39"/>
    </row>
    <row r="20" spans="1:15" ht="16.5" customHeight="1">
      <c r="B20" s="40" t="s">
        <v>121</v>
      </c>
      <c r="K20" s="41"/>
    </row>
    <row r="21" spans="1:15" ht="4.5" customHeight="1">
      <c r="B21" s="40"/>
      <c r="K21" s="41"/>
    </row>
    <row r="22" spans="1:15" ht="16.5" customHeight="1">
      <c r="B22" s="40" t="s">
        <v>122</v>
      </c>
      <c r="K22" s="41"/>
    </row>
    <row r="23" spans="1:15" ht="16.5" customHeight="1">
      <c r="B23" s="42" t="s">
        <v>123</v>
      </c>
      <c r="C23" s="43"/>
      <c r="D23" s="43"/>
      <c r="E23" s="43"/>
      <c r="F23" s="43"/>
      <c r="G23" s="43"/>
      <c r="H23" s="43"/>
      <c r="I23" s="43"/>
      <c r="J23" s="43"/>
      <c r="K23" s="44"/>
    </row>
    <row r="24" spans="1:15" ht="7.5" customHeight="1"/>
    <row r="25" spans="1:15" ht="18" customHeight="1"/>
    <row r="26" spans="1:15" ht="18.75" customHeight="1">
      <c r="A26" s="4" t="s">
        <v>124</v>
      </c>
    </row>
    <row r="27" spans="1:15" ht="10.5" customHeight="1"/>
    <row r="28" spans="1:15" ht="30" customHeight="1">
      <c r="B28" s="45" t="s">
        <v>125</v>
      </c>
      <c r="C28" s="46" t="s">
        <v>126</v>
      </c>
      <c r="D28" s="33" t="s">
        <v>127</v>
      </c>
      <c r="E28" s="33" t="s">
        <v>128</v>
      </c>
      <c r="F28" s="33" t="s">
        <v>129</v>
      </c>
      <c r="G28" s="33" t="s">
        <v>130</v>
      </c>
      <c r="H28" s="33" t="s">
        <v>131</v>
      </c>
      <c r="I28" s="33" t="s">
        <v>132</v>
      </c>
      <c r="J28" s="33" t="s">
        <v>133</v>
      </c>
      <c r="K28" s="33" t="s">
        <v>134</v>
      </c>
      <c r="L28" s="33" t="s">
        <v>135</v>
      </c>
      <c r="M28" s="33" t="s">
        <v>136</v>
      </c>
      <c r="N28" s="33" t="s">
        <v>137</v>
      </c>
      <c r="O28" s="33" t="s">
        <v>138</v>
      </c>
    </row>
    <row r="29" spans="1:15" ht="21" customHeight="1">
      <c r="B29" s="34"/>
      <c r="C29" s="47"/>
      <c r="D29" s="34"/>
      <c r="E29" s="34"/>
      <c r="F29" s="34"/>
      <c r="G29" s="34"/>
      <c r="H29" s="34"/>
      <c r="I29" s="34"/>
      <c r="J29" s="34"/>
      <c r="K29" s="34"/>
      <c r="L29" s="34"/>
      <c r="M29" s="34"/>
      <c r="N29" s="34"/>
      <c r="O29" s="47"/>
    </row>
    <row r="30" spans="1:15" ht="21" customHeight="1">
      <c r="B30" s="34"/>
      <c r="C30" s="47"/>
      <c r="D30" s="34"/>
      <c r="E30" s="34"/>
      <c r="F30" s="34"/>
      <c r="G30" s="34"/>
      <c r="H30" s="34"/>
      <c r="I30" s="34"/>
      <c r="J30" s="34"/>
      <c r="K30" s="34"/>
      <c r="L30" s="34"/>
      <c r="M30" s="34"/>
      <c r="N30" s="34"/>
      <c r="O30" s="47"/>
    </row>
    <row r="31" spans="1:15" ht="21" customHeight="1">
      <c r="B31" s="34"/>
      <c r="C31" s="47"/>
      <c r="D31" s="34"/>
      <c r="E31" s="34"/>
      <c r="F31" s="34"/>
      <c r="G31" s="34"/>
      <c r="H31" s="34"/>
      <c r="I31" s="34"/>
      <c r="J31" s="34"/>
      <c r="K31" s="34"/>
      <c r="L31" s="34"/>
      <c r="M31" s="34"/>
      <c r="N31" s="34"/>
      <c r="O31" s="47"/>
    </row>
    <row r="32" spans="1:15" ht="21" customHeight="1">
      <c r="B32" s="34"/>
      <c r="C32" s="47"/>
      <c r="D32" s="34"/>
      <c r="E32" s="34"/>
      <c r="F32" s="34"/>
      <c r="G32" s="34"/>
      <c r="H32" s="34"/>
      <c r="I32" s="34"/>
      <c r="J32" s="34"/>
      <c r="K32" s="34"/>
      <c r="L32" s="34"/>
      <c r="M32" s="34"/>
      <c r="N32" s="34"/>
      <c r="O32" s="47"/>
    </row>
    <row r="33" spans="1:15" ht="21" customHeight="1">
      <c r="B33" s="34"/>
      <c r="C33" s="47"/>
      <c r="D33" s="34"/>
      <c r="E33" s="34"/>
      <c r="F33" s="34"/>
      <c r="G33" s="34"/>
      <c r="H33" s="34"/>
      <c r="I33" s="34"/>
      <c r="J33" s="34"/>
      <c r="K33" s="34"/>
      <c r="L33" s="34"/>
      <c r="M33" s="34"/>
      <c r="N33" s="34"/>
      <c r="O33" s="47"/>
    </row>
    <row r="34" spans="1:15" ht="21" customHeight="1">
      <c r="B34" s="34"/>
      <c r="C34" s="47"/>
      <c r="D34" s="34"/>
      <c r="E34" s="34"/>
      <c r="F34" s="34"/>
      <c r="G34" s="34"/>
      <c r="H34" s="34"/>
      <c r="I34" s="34"/>
      <c r="J34" s="34"/>
      <c r="K34" s="34"/>
      <c r="L34" s="34"/>
      <c r="M34" s="34"/>
      <c r="N34" s="34"/>
      <c r="O34" s="47"/>
    </row>
    <row r="35" spans="1:15" ht="21" customHeight="1">
      <c r="B35" s="34"/>
      <c r="C35" s="47"/>
      <c r="D35" s="34"/>
      <c r="E35" s="34"/>
      <c r="F35" s="34"/>
      <c r="G35" s="34"/>
      <c r="H35" s="34"/>
      <c r="I35" s="34"/>
      <c r="J35" s="34"/>
      <c r="K35" s="34"/>
      <c r="L35" s="34"/>
      <c r="M35" s="34"/>
      <c r="N35" s="34"/>
      <c r="O35" s="47"/>
    </row>
    <row r="36" spans="1:15" ht="21" customHeight="1">
      <c r="B36" s="34"/>
      <c r="C36" s="47"/>
      <c r="D36" s="34"/>
      <c r="E36" s="34"/>
      <c r="F36" s="34"/>
      <c r="G36" s="34"/>
      <c r="H36" s="34"/>
      <c r="I36" s="34"/>
      <c r="J36" s="34"/>
      <c r="K36" s="34"/>
      <c r="L36" s="34"/>
      <c r="M36" s="34"/>
      <c r="N36" s="34"/>
      <c r="O36" s="47"/>
    </row>
    <row r="37" spans="1:15" ht="21" customHeight="1">
      <c r="B37" s="34"/>
      <c r="C37" s="47"/>
      <c r="D37" s="34"/>
      <c r="E37" s="34"/>
      <c r="F37" s="34"/>
      <c r="G37" s="34"/>
      <c r="H37" s="34"/>
      <c r="I37" s="34"/>
      <c r="J37" s="34"/>
      <c r="K37" s="34"/>
      <c r="L37" s="34"/>
      <c r="M37" s="34"/>
      <c r="N37" s="34"/>
      <c r="O37" s="47"/>
    </row>
    <row r="38" spans="1:15" ht="21" customHeight="1">
      <c r="B38" s="34"/>
      <c r="C38" s="47"/>
      <c r="D38" s="34"/>
      <c r="E38" s="34"/>
      <c r="F38" s="34"/>
      <c r="G38" s="34"/>
      <c r="H38" s="34"/>
      <c r="I38" s="34"/>
      <c r="J38" s="34"/>
      <c r="K38" s="34"/>
      <c r="L38" s="34"/>
      <c r="M38" s="34"/>
      <c r="N38" s="34"/>
      <c r="O38" s="47"/>
    </row>
    <row r="39" spans="1:15" ht="21" customHeight="1">
      <c r="B39" s="34"/>
      <c r="C39" s="47"/>
      <c r="D39" s="34"/>
      <c r="E39" s="34"/>
      <c r="F39" s="34"/>
      <c r="G39" s="34"/>
      <c r="H39" s="34"/>
      <c r="I39" s="34"/>
      <c r="J39" s="34"/>
      <c r="K39" s="34"/>
      <c r="L39" s="34"/>
      <c r="M39" s="34"/>
      <c r="N39" s="34"/>
      <c r="O39" s="47"/>
    </row>
    <row r="40" spans="1:15" ht="21" customHeight="1">
      <c r="B40" s="238" t="s">
        <v>75</v>
      </c>
      <c r="C40" s="318"/>
      <c r="D40" s="35">
        <f t="shared" ref="D40:N40" si="1">SUM(D29:D39)</f>
        <v>0</v>
      </c>
      <c r="E40" s="35">
        <f t="shared" si="1"/>
        <v>0</v>
      </c>
      <c r="F40" s="35">
        <f t="shared" si="1"/>
        <v>0</v>
      </c>
      <c r="G40" s="35">
        <f t="shared" si="1"/>
        <v>0</v>
      </c>
      <c r="H40" s="35">
        <f t="shared" si="1"/>
        <v>0</v>
      </c>
      <c r="I40" s="35">
        <f t="shared" si="1"/>
        <v>0</v>
      </c>
      <c r="J40" s="35">
        <f t="shared" si="1"/>
        <v>0</v>
      </c>
      <c r="K40" s="35">
        <f t="shared" si="1"/>
        <v>0</v>
      </c>
      <c r="L40" s="35">
        <f t="shared" si="1"/>
        <v>0</v>
      </c>
      <c r="M40" s="35">
        <f t="shared" si="1"/>
        <v>0</v>
      </c>
      <c r="N40" s="35">
        <f t="shared" si="1"/>
        <v>0</v>
      </c>
      <c r="O40" s="319" t="s">
        <v>139</v>
      </c>
    </row>
    <row r="41" spans="1:15" ht="38.25" customHeight="1">
      <c r="B41" s="310" t="s">
        <v>115</v>
      </c>
      <c r="C41" s="311"/>
      <c r="D41" s="35">
        <f>D13</f>
        <v>0</v>
      </c>
      <c r="E41" s="35">
        <f t="shared" ref="E41:N41" si="2">E13</f>
        <v>0</v>
      </c>
      <c r="F41" s="35">
        <f t="shared" si="2"/>
        <v>0</v>
      </c>
      <c r="G41" s="35">
        <f t="shared" si="2"/>
        <v>0</v>
      </c>
      <c r="H41" s="35">
        <f t="shared" si="2"/>
        <v>0</v>
      </c>
      <c r="I41" s="35">
        <f t="shared" si="2"/>
        <v>0</v>
      </c>
      <c r="J41" s="35">
        <f t="shared" si="2"/>
        <v>0</v>
      </c>
      <c r="K41" s="35">
        <f t="shared" si="2"/>
        <v>0</v>
      </c>
      <c r="L41" s="35">
        <f t="shared" si="2"/>
        <v>0</v>
      </c>
      <c r="M41" s="35">
        <f t="shared" si="2"/>
        <v>0</v>
      </c>
      <c r="N41" s="35">
        <f t="shared" si="2"/>
        <v>0</v>
      </c>
      <c r="O41" s="320"/>
    </row>
    <row r="42" spans="1:15" ht="27.75" customHeight="1">
      <c r="B42" s="310" t="s">
        <v>116</v>
      </c>
      <c r="C42" s="311"/>
      <c r="D42" s="48">
        <f>IF(D41&gt;0,ROUNDDOWN(D40/D41,1),0)</f>
        <v>0</v>
      </c>
      <c r="E42" s="48">
        <f t="shared" ref="E42:N42" si="3">IF(E41&gt;0,ROUNDDOWN(E40/E41,1),0)</f>
        <v>0</v>
      </c>
      <c r="F42" s="48">
        <f t="shared" si="3"/>
        <v>0</v>
      </c>
      <c r="G42" s="48">
        <f t="shared" si="3"/>
        <v>0</v>
      </c>
      <c r="H42" s="48">
        <f t="shared" si="3"/>
        <v>0</v>
      </c>
      <c r="I42" s="48">
        <f t="shared" si="3"/>
        <v>0</v>
      </c>
      <c r="J42" s="48">
        <f t="shared" si="3"/>
        <v>0</v>
      </c>
      <c r="K42" s="48">
        <f t="shared" si="3"/>
        <v>0</v>
      </c>
      <c r="L42" s="48">
        <f t="shared" si="3"/>
        <v>0</v>
      </c>
      <c r="M42" s="48">
        <f t="shared" si="3"/>
        <v>0</v>
      </c>
      <c r="N42" s="48">
        <f t="shared" si="3"/>
        <v>0</v>
      </c>
      <c r="O42" s="48" t="e">
        <f>ROUNDDOWN(SUM(D42:N42)/COUNTIF(D41:N41,"&gt;0"),1)</f>
        <v>#DIV/0!</v>
      </c>
    </row>
    <row r="43" spans="1:15" ht="16.5" customHeight="1">
      <c r="A43" s="4" t="s">
        <v>200</v>
      </c>
    </row>
    <row r="44" spans="1:15" ht="17.25" customHeight="1">
      <c r="A44" s="4" t="s">
        <v>201</v>
      </c>
    </row>
    <row r="45" spans="1:15" ht="16.5" customHeight="1">
      <c r="A45" s="4" t="s">
        <v>202</v>
      </c>
    </row>
    <row r="46" spans="1:15" ht="17.25" customHeight="1">
      <c r="A46" s="4" t="s">
        <v>203</v>
      </c>
    </row>
    <row r="47" spans="1:15" ht="17.25" customHeight="1">
      <c r="A47" s="4" t="s">
        <v>140</v>
      </c>
    </row>
    <row r="48" spans="1:15" ht="17.25" customHeight="1">
      <c r="A48" s="4" t="s">
        <v>141</v>
      </c>
    </row>
    <row r="49" spans="1:1" ht="17.25" customHeight="1">
      <c r="A49" s="4" t="s">
        <v>142</v>
      </c>
    </row>
    <row r="50" spans="1:1" ht="16.5" customHeight="1">
      <c r="A50" s="4" t="s">
        <v>143</v>
      </c>
    </row>
    <row r="51" spans="1:1" ht="16.5" customHeight="1">
      <c r="A51" s="4" t="s">
        <v>144</v>
      </c>
    </row>
    <row r="52" spans="1:1" ht="16.5" customHeight="1">
      <c r="A52" s="4" t="s">
        <v>145</v>
      </c>
    </row>
    <row r="53" spans="1:1" ht="16.5" customHeight="1">
      <c r="A53" s="4" t="s">
        <v>146</v>
      </c>
    </row>
    <row r="54" spans="1:1" ht="16.5" customHeight="1">
      <c r="A54" s="4" t="s">
        <v>147</v>
      </c>
    </row>
    <row r="55" spans="1:1" ht="16.5" customHeight="1">
      <c r="A55" s="4" t="s">
        <v>148</v>
      </c>
    </row>
    <row r="56" spans="1:1" ht="16.5" customHeight="1"/>
    <row r="57" spans="1:1" ht="16.5" customHeight="1">
      <c r="A57" s="4" t="s">
        <v>149</v>
      </c>
    </row>
    <row r="58" spans="1:1" ht="6.75" customHeight="1"/>
  </sheetData>
  <mergeCells count="14">
    <mergeCell ref="B42:C42"/>
    <mergeCell ref="B12:C12"/>
    <mergeCell ref="O12:O13"/>
    <mergeCell ref="B13:C13"/>
    <mergeCell ref="B14:C14"/>
    <mergeCell ref="B40:C40"/>
    <mergeCell ref="O40:O41"/>
    <mergeCell ref="B41:C41"/>
    <mergeCell ref="B11:C11"/>
    <mergeCell ref="C2:I2"/>
    <mergeCell ref="J2:L4"/>
    <mergeCell ref="C4:I4"/>
    <mergeCell ref="J7:K7"/>
    <mergeCell ref="L7:O7"/>
  </mergeCells>
  <phoneticPr fontId="3"/>
  <printOptions horizontalCentered="1"/>
  <pageMargins left="0.70866141732283472" right="0.70866141732283472" top="0.74803149606299213" bottom="0.74803149606299213" header="0.31496062992125984" footer="0.31496062992125984"/>
  <pageSetup paperSize="9" scale="71"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A3CF5B-E239-4D1E-BF80-2AAAAF6DC330}">
  <dimension ref="A1:O59"/>
  <sheetViews>
    <sheetView view="pageBreakPreview" zoomScale="80" zoomScaleNormal="100" zoomScaleSheetLayoutView="80" workbookViewId="0">
      <selection activeCell="L8" sqref="L8:O8"/>
    </sheetView>
  </sheetViews>
  <sheetFormatPr defaultColWidth="9" defaultRowHeight="13.5"/>
  <cols>
    <col min="1" max="1" width="1.375" style="4" customWidth="1"/>
    <col min="2" max="2" width="16.375" style="4" customWidth="1"/>
    <col min="3" max="3" width="15.125" style="4" customWidth="1"/>
    <col min="4" max="14" width="6.625" style="4" customWidth="1"/>
    <col min="15" max="15" width="12.375" style="4" customWidth="1"/>
    <col min="16" max="256" width="9" style="4"/>
    <col min="257" max="257" width="1.375" style="4" customWidth="1"/>
    <col min="258" max="258" width="16.375" style="4" customWidth="1"/>
    <col min="259" max="259" width="15.125" style="4" customWidth="1"/>
    <col min="260" max="270" width="6.625" style="4" customWidth="1"/>
    <col min="271" max="271" width="12.375" style="4" customWidth="1"/>
    <col min="272" max="512" width="9" style="4"/>
    <col min="513" max="513" width="1.375" style="4" customWidth="1"/>
    <col min="514" max="514" width="16.375" style="4" customWidth="1"/>
    <col min="515" max="515" width="15.125" style="4" customWidth="1"/>
    <col min="516" max="526" width="6.625" style="4" customWidth="1"/>
    <col min="527" max="527" width="12.375" style="4" customWidth="1"/>
    <col min="528" max="768" width="9" style="4"/>
    <col min="769" max="769" width="1.375" style="4" customWidth="1"/>
    <col min="770" max="770" width="16.375" style="4" customWidth="1"/>
    <col min="771" max="771" width="15.125" style="4" customWidth="1"/>
    <col min="772" max="782" width="6.625" style="4" customWidth="1"/>
    <col min="783" max="783" width="12.375" style="4" customWidth="1"/>
    <col min="784" max="1024" width="9" style="4"/>
    <col min="1025" max="1025" width="1.375" style="4" customWidth="1"/>
    <col min="1026" max="1026" width="16.375" style="4" customWidth="1"/>
    <col min="1027" max="1027" width="15.125" style="4" customWidth="1"/>
    <col min="1028" max="1038" width="6.625" style="4" customWidth="1"/>
    <col min="1039" max="1039" width="12.375" style="4" customWidth="1"/>
    <col min="1040" max="1280" width="9" style="4"/>
    <col min="1281" max="1281" width="1.375" style="4" customWidth="1"/>
    <col min="1282" max="1282" width="16.375" style="4" customWidth="1"/>
    <col min="1283" max="1283" width="15.125" style="4" customWidth="1"/>
    <col min="1284" max="1294" width="6.625" style="4" customWidth="1"/>
    <col min="1295" max="1295" width="12.375" style="4" customWidth="1"/>
    <col min="1296" max="1536" width="9" style="4"/>
    <col min="1537" max="1537" width="1.375" style="4" customWidth="1"/>
    <col min="1538" max="1538" width="16.375" style="4" customWidth="1"/>
    <col min="1539" max="1539" width="15.125" style="4" customWidth="1"/>
    <col min="1540" max="1550" width="6.625" style="4" customWidth="1"/>
    <col min="1551" max="1551" width="12.375" style="4" customWidth="1"/>
    <col min="1552" max="1792" width="9" style="4"/>
    <col min="1793" max="1793" width="1.375" style="4" customWidth="1"/>
    <col min="1794" max="1794" width="16.375" style="4" customWidth="1"/>
    <col min="1795" max="1795" width="15.125" style="4" customWidth="1"/>
    <col min="1796" max="1806" width="6.625" style="4" customWidth="1"/>
    <col min="1807" max="1807" width="12.375" style="4" customWidth="1"/>
    <col min="1808" max="2048" width="9" style="4"/>
    <col min="2049" max="2049" width="1.375" style="4" customWidth="1"/>
    <col min="2050" max="2050" width="16.375" style="4" customWidth="1"/>
    <col min="2051" max="2051" width="15.125" style="4" customWidth="1"/>
    <col min="2052" max="2062" width="6.625" style="4" customWidth="1"/>
    <col min="2063" max="2063" width="12.375" style="4" customWidth="1"/>
    <col min="2064" max="2304" width="9" style="4"/>
    <col min="2305" max="2305" width="1.375" style="4" customWidth="1"/>
    <col min="2306" max="2306" width="16.375" style="4" customWidth="1"/>
    <col min="2307" max="2307" width="15.125" style="4" customWidth="1"/>
    <col min="2308" max="2318" width="6.625" style="4" customWidth="1"/>
    <col min="2319" max="2319" width="12.375" style="4" customWidth="1"/>
    <col min="2320" max="2560" width="9" style="4"/>
    <col min="2561" max="2561" width="1.375" style="4" customWidth="1"/>
    <col min="2562" max="2562" width="16.375" style="4" customWidth="1"/>
    <col min="2563" max="2563" width="15.125" style="4" customWidth="1"/>
    <col min="2564" max="2574" width="6.625" style="4" customWidth="1"/>
    <col min="2575" max="2575" width="12.375" style="4" customWidth="1"/>
    <col min="2576" max="2816" width="9" style="4"/>
    <col min="2817" max="2817" width="1.375" style="4" customWidth="1"/>
    <col min="2818" max="2818" width="16.375" style="4" customWidth="1"/>
    <col min="2819" max="2819" width="15.125" style="4" customWidth="1"/>
    <col min="2820" max="2830" width="6.625" style="4" customWidth="1"/>
    <col min="2831" max="2831" width="12.375" style="4" customWidth="1"/>
    <col min="2832" max="3072" width="9" style="4"/>
    <col min="3073" max="3073" width="1.375" style="4" customWidth="1"/>
    <col min="3074" max="3074" width="16.375" style="4" customWidth="1"/>
    <col min="3075" max="3075" width="15.125" style="4" customWidth="1"/>
    <col min="3076" max="3086" width="6.625" style="4" customWidth="1"/>
    <col min="3087" max="3087" width="12.375" style="4" customWidth="1"/>
    <col min="3088" max="3328" width="9" style="4"/>
    <col min="3329" max="3329" width="1.375" style="4" customWidth="1"/>
    <col min="3330" max="3330" width="16.375" style="4" customWidth="1"/>
    <col min="3331" max="3331" width="15.125" style="4" customWidth="1"/>
    <col min="3332" max="3342" width="6.625" style="4" customWidth="1"/>
    <col min="3343" max="3343" width="12.375" style="4" customWidth="1"/>
    <col min="3344" max="3584" width="9" style="4"/>
    <col min="3585" max="3585" width="1.375" style="4" customWidth="1"/>
    <col min="3586" max="3586" width="16.375" style="4" customWidth="1"/>
    <col min="3587" max="3587" width="15.125" style="4" customWidth="1"/>
    <col min="3588" max="3598" width="6.625" style="4" customWidth="1"/>
    <col min="3599" max="3599" width="12.375" style="4" customWidth="1"/>
    <col min="3600" max="3840" width="9" style="4"/>
    <col min="3841" max="3841" width="1.375" style="4" customWidth="1"/>
    <col min="3842" max="3842" width="16.375" style="4" customWidth="1"/>
    <col min="3843" max="3843" width="15.125" style="4" customWidth="1"/>
    <col min="3844" max="3854" width="6.625" style="4" customWidth="1"/>
    <col min="3855" max="3855" width="12.375" style="4" customWidth="1"/>
    <col min="3856" max="4096" width="9" style="4"/>
    <col min="4097" max="4097" width="1.375" style="4" customWidth="1"/>
    <col min="4098" max="4098" width="16.375" style="4" customWidth="1"/>
    <col min="4099" max="4099" width="15.125" style="4" customWidth="1"/>
    <col min="4100" max="4110" width="6.625" style="4" customWidth="1"/>
    <col min="4111" max="4111" width="12.375" style="4" customWidth="1"/>
    <col min="4112" max="4352" width="9" style="4"/>
    <col min="4353" max="4353" width="1.375" style="4" customWidth="1"/>
    <col min="4354" max="4354" width="16.375" style="4" customWidth="1"/>
    <col min="4355" max="4355" width="15.125" style="4" customWidth="1"/>
    <col min="4356" max="4366" width="6.625" style="4" customWidth="1"/>
    <col min="4367" max="4367" width="12.375" style="4" customWidth="1"/>
    <col min="4368" max="4608" width="9" style="4"/>
    <col min="4609" max="4609" width="1.375" style="4" customWidth="1"/>
    <col min="4610" max="4610" width="16.375" style="4" customWidth="1"/>
    <col min="4611" max="4611" width="15.125" style="4" customWidth="1"/>
    <col min="4612" max="4622" width="6.625" style="4" customWidth="1"/>
    <col min="4623" max="4623" width="12.375" style="4" customWidth="1"/>
    <col min="4624" max="4864" width="9" style="4"/>
    <col min="4865" max="4865" width="1.375" style="4" customWidth="1"/>
    <col min="4866" max="4866" width="16.375" style="4" customWidth="1"/>
    <col min="4867" max="4867" width="15.125" style="4" customWidth="1"/>
    <col min="4868" max="4878" width="6.625" style="4" customWidth="1"/>
    <col min="4879" max="4879" width="12.375" style="4" customWidth="1"/>
    <col min="4880" max="5120" width="9" style="4"/>
    <col min="5121" max="5121" width="1.375" style="4" customWidth="1"/>
    <col min="5122" max="5122" width="16.375" style="4" customWidth="1"/>
    <col min="5123" max="5123" width="15.125" style="4" customWidth="1"/>
    <col min="5124" max="5134" width="6.625" style="4" customWidth="1"/>
    <col min="5135" max="5135" width="12.375" style="4" customWidth="1"/>
    <col min="5136" max="5376" width="9" style="4"/>
    <col min="5377" max="5377" width="1.375" style="4" customWidth="1"/>
    <col min="5378" max="5378" width="16.375" style="4" customWidth="1"/>
    <col min="5379" max="5379" width="15.125" style="4" customWidth="1"/>
    <col min="5380" max="5390" width="6.625" style="4" customWidth="1"/>
    <col min="5391" max="5391" width="12.375" style="4" customWidth="1"/>
    <col min="5392" max="5632" width="9" style="4"/>
    <col min="5633" max="5633" width="1.375" style="4" customWidth="1"/>
    <col min="5634" max="5634" width="16.375" style="4" customWidth="1"/>
    <col min="5635" max="5635" width="15.125" style="4" customWidth="1"/>
    <col min="5636" max="5646" width="6.625" style="4" customWidth="1"/>
    <col min="5647" max="5647" width="12.375" style="4" customWidth="1"/>
    <col min="5648" max="5888" width="9" style="4"/>
    <col min="5889" max="5889" width="1.375" style="4" customWidth="1"/>
    <col min="5890" max="5890" width="16.375" style="4" customWidth="1"/>
    <col min="5891" max="5891" width="15.125" style="4" customWidth="1"/>
    <col min="5892" max="5902" width="6.625" style="4" customWidth="1"/>
    <col min="5903" max="5903" width="12.375" style="4" customWidth="1"/>
    <col min="5904" max="6144" width="9" style="4"/>
    <col min="6145" max="6145" width="1.375" style="4" customWidth="1"/>
    <col min="6146" max="6146" width="16.375" style="4" customWidth="1"/>
    <col min="6147" max="6147" width="15.125" style="4" customWidth="1"/>
    <col min="6148" max="6158" width="6.625" style="4" customWidth="1"/>
    <col min="6159" max="6159" width="12.375" style="4" customWidth="1"/>
    <col min="6160" max="6400" width="9" style="4"/>
    <col min="6401" max="6401" width="1.375" style="4" customWidth="1"/>
    <col min="6402" max="6402" width="16.375" style="4" customWidth="1"/>
    <col min="6403" max="6403" width="15.125" style="4" customWidth="1"/>
    <col min="6404" max="6414" width="6.625" style="4" customWidth="1"/>
    <col min="6415" max="6415" width="12.375" style="4" customWidth="1"/>
    <col min="6416" max="6656" width="9" style="4"/>
    <col min="6657" max="6657" width="1.375" style="4" customWidth="1"/>
    <col min="6658" max="6658" width="16.375" style="4" customWidth="1"/>
    <col min="6659" max="6659" width="15.125" style="4" customWidth="1"/>
    <col min="6660" max="6670" width="6.625" style="4" customWidth="1"/>
    <col min="6671" max="6671" width="12.375" style="4" customWidth="1"/>
    <col min="6672" max="6912" width="9" style="4"/>
    <col min="6913" max="6913" width="1.375" style="4" customWidth="1"/>
    <col min="6914" max="6914" width="16.375" style="4" customWidth="1"/>
    <col min="6915" max="6915" width="15.125" style="4" customWidth="1"/>
    <col min="6916" max="6926" width="6.625" style="4" customWidth="1"/>
    <col min="6927" max="6927" width="12.375" style="4" customWidth="1"/>
    <col min="6928" max="7168" width="9" style="4"/>
    <col min="7169" max="7169" width="1.375" style="4" customWidth="1"/>
    <col min="7170" max="7170" width="16.375" style="4" customWidth="1"/>
    <col min="7171" max="7171" width="15.125" style="4" customWidth="1"/>
    <col min="7172" max="7182" width="6.625" style="4" customWidth="1"/>
    <col min="7183" max="7183" width="12.375" style="4" customWidth="1"/>
    <col min="7184" max="7424" width="9" style="4"/>
    <col min="7425" max="7425" width="1.375" style="4" customWidth="1"/>
    <col min="7426" max="7426" width="16.375" style="4" customWidth="1"/>
    <col min="7427" max="7427" width="15.125" style="4" customWidth="1"/>
    <col min="7428" max="7438" width="6.625" style="4" customWidth="1"/>
    <col min="7439" max="7439" width="12.375" style="4" customWidth="1"/>
    <col min="7440" max="7680" width="9" style="4"/>
    <col min="7681" max="7681" width="1.375" style="4" customWidth="1"/>
    <col min="7682" max="7682" width="16.375" style="4" customWidth="1"/>
    <col min="7683" max="7683" width="15.125" style="4" customWidth="1"/>
    <col min="7684" max="7694" width="6.625" style="4" customWidth="1"/>
    <col min="7695" max="7695" width="12.375" style="4" customWidth="1"/>
    <col min="7696" max="7936" width="9" style="4"/>
    <col min="7937" max="7937" width="1.375" style="4" customWidth="1"/>
    <col min="7938" max="7938" width="16.375" style="4" customWidth="1"/>
    <col min="7939" max="7939" width="15.125" style="4" customWidth="1"/>
    <col min="7940" max="7950" width="6.625" style="4" customWidth="1"/>
    <col min="7951" max="7951" width="12.375" style="4" customWidth="1"/>
    <col min="7952" max="8192" width="9" style="4"/>
    <col min="8193" max="8193" width="1.375" style="4" customWidth="1"/>
    <col min="8194" max="8194" width="16.375" style="4" customWidth="1"/>
    <col min="8195" max="8195" width="15.125" style="4" customWidth="1"/>
    <col min="8196" max="8206" width="6.625" style="4" customWidth="1"/>
    <col min="8207" max="8207" width="12.375" style="4" customWidth="1"/>
    <col min="8208" max="8448" width="9" style="4"/>
    <col min="8449" max="8449" width="1.375" style="4" customWidth="1"/>
    <col min="8450" max="8450" width="16.375" style="4" customWidth="1"/>
    <col min="8451" max="8451" width="15.125" style="4" customWidth="1"/>
    <col min="8452" max="8462" width="6.625" style="4" customWidth="1"/>
    <col min="8463" max="8463" width="12.375" style="4" customWidth="1"/>
    <col min="8464" max="8704" width="9" style="4"/>
    <col min="8705" max="8705" width="1.375" style="4" customWidth="1"/>
    <col min="8706" max="8706" width="16.375" style="4" customWidth="1"/>
    <col min="8707" max="8707" width="15.125" style="4" customWidth="1"/>
    <col min="8708" max="8718" width="6.625" style="4" customWidth="1"/>
    <col min="8719" max="8719" width="12.375" style="4" customWidth="1"/>
    <col min="8720" max="8960" width="9" style="4"/>
    <col min="8961" max="8961" width="1.375" style="4" customWidth="1"/>
    <col min="8962" max="8962" width="16.375" style="4" customWidth="1"/>
    <col min="8963" max="8963" width="15.125" style="4" customWidth="1"/>
    <col min="8964" max="8974" width="6.625" style="4" customWidth="1"/>
    <col min="8975" max="8975" width="12.375" style="4" customWidth="1"/>
    <col min="8976" max="9216" width="9" style="4"/>
    <col min="9217" max="9217" width="1.375" style="4" customWidth="1"/>
    <col min="9218" max="9218" width="16.375" style="4" customWidth="1"/>
    <col min="9219" max="9219" width="15.125" style="4" customWidth="1"/>
    <col min="9220" max="9230" width="6.625" style="4" customWidth="1"/>
    <col min="9231" max="9231" width="12.375" style="4" customWidth="1"/>
    <col min="9232" max="9472" width="9" style="4"/>
    <col min="9473" max="9473" width="1.375" style="4" customWidth="1"/>
    <col min="9474" max="9474" width="16.375" style="4" customWidth="1"/>
    <col min="9475" max="9475" width="15.125" style="4" customWidth="1"/>
    <col min="9476" max="9486" width="6.625" style="4" customWidth="1"/>
    <col min="9487" max="9487" width="12.375" style="4" customWidth="1"/>
    <col min="9488" max="9728" width="9" style="4"/>
    <col min="9729" max="9729" width="1.375" style="4" customWidth="1"/>
    <col min="9730" max="9730" width="16.375" style="4" customWidth="1"/>
    <col min="9731" max="9731" width="15.125" style="4" customWidth="1"/>
    <col min="9732" max="9742" width="6.625" style="4" customWidth="1"/>
    <col min="9743" max="9743" width="12.375" style="4" customWidth="1"/>
    <col min="9744" max="9984" width="9" style="4"/>
    <col min="9985" max="9985" width="1.375" style="4" customWidth="1"/>
    <col min="9986" max="9986" width="16.375" style="4" customWidth="1"/>
    <col min="9987" max="9987" width="15.125" style="4" customWidth="1"/>
    <col min="9988" max="9998" width="6.625" style="4" customWidth="1"/>
    <col min="9999" max="9999" width="12.375" style="4" customWidth="1"/>
    <col min="10000" max="10240" width="9" style="4"/>
    <col min="10241" max="10241" width="1.375" style="4" customWidth="1"/>
    <col min="10242" max="10242" width="16.375" style="4" customWidth="1"/>
    <col min="10243" max="10243" width="15.125" style="4" customWidth="1"/>
    <col min="10244" max="10254" width="6.625" style="4" customWidth="1"/>
    <col min="10255" max="10255" width="12.375" style="4" customWidth="1"/>
    <col min="10256" max="10496" width="9" style="4"/>
    <col min="10497" max="10497" width="1.375" style="4" customWidth="1"/>
    <col min="10498" max="10498" width="16.375" style="4" customWidth="1"/>
    <col min="10499" max="10499" width="15.125" style="4" customWidth="1"/>
    <col min="10500" max="10510" width="6.625" style="4" customWidth="1"/>
    <col min="10511" max="10511" width="12.375" style="4" customWidth="1"/>
    <col min="10512" max="10752" width="9" style="4"/>
    <col min="10753" max="10753" width="1.375" style="4" customWidth="1"/>
    <col min="10754" max="10754" width="16.375" style="4" customWidth="1"/>
    <col min="10755" max="10755" width="15.125" style="4" customWidth="1"/>
    <col min="10756" max="10766" width="6.625" style="4" customWidth="1"/>
    <col min="10767" max="10767" width="12.375" style="4" customWidth="1"/>
    <col min="10768" max="11008" width="9" style="4"/>
    <col min="11009" max="11009" width="1.375" style="4" customWidth="1"/>
    <col min="11010" max="11010" width="16.375" style="4" customWidth="1"/>
    <col min="11011" max="11011" width="15.125" style="4" customWidth="1"/>
    <col min="11012" max="11022" width="6.625" style="4" customWidth="1"/>
    <col min="11023" max="11023" width="12.375" style="4" customWidth="1"/>
    <col min="11024" max="11264" width="9" style="4"/>
    <col min="11265" max="11265" width="1.375" style="4" customWidth="1"/>
    <col min="11266" max="11266" width="16.375" style="4" customWidth="1"/>
    <col min="11267" max="11267" width="15.125" style="4" customWidth="1"/>
    <col min="11268" max="11278" width="6.625" style="4" customWidth="1"/>
    <col min="11279" max="11279" width="12.375" style="4" customWidth="1"/>
    <col min="11280" max="11520" width="9" style="4"/>
    <col min="11521" max="11521" width="1.375" style="4" customWidth="1"/>
    <col min="11522" max="11522" width="16.375" style="4" customWidth="1"/>
    <col min="11523" max="11523" width="15.125" style="4" customWidth="1"/>
    <col min="11524" max="11534" width="6.625" style="4" customWidth="1"/>
    <col min="11535" max="11535" width="12.375" style="4" customWidth="1"/>
    <col min="11536" max="11776" width="9" style="4"/>
    <col min="11777" max="11777" width="1.375" style="4" customWidth="1"/>
    <col min="11778" max="11778" width="16.375" style="4" customWidth="1"/>
    <col min="11779" max="11779" width="15.125" style="4" customWidth="1"/>
    <col min="11780" max="11790" width="6.625" style="4" customWidth="1"/>
    <col min="11791" max="11791" width="12.375" style="4" customWidth="1"/>
    <col min="11792" max="12032" width="9" style="4"/>
    <col min="12033" max="12033" width="1.375" style="4" customWidth="1"/>
    <col min="12034" max="12034" width="16.375" style="4" customWidth="1"/>
    <col min="12035" max="12035" width="15.125" style="4" customWidth="1"/>
    <col min="12036" max="12046" width="6.625" style="4" customWidth="1"/>
    <col min="12047" max="12047" width="12.375" style="4" customWidth="1"/>
    <col min="12048" max="12288" width="9" style="4"/>
    <col min="12289" max="12289" width="1.375" style="4" customWidth="1"/>
    <col min="12290" max="12290" width="16.375" style="4" customWidth="1"/>
    <col min="12291" max="12291" width="15.125" style="4" customWidth="1"/>
    <col min="12292" max="12302" width="6.625" style="4" customWidth="1"/>
    <col min="12303" max="12303" width="12.375" style="4" customWidth="1"/>
    <col min="12304" max="12544" width="9" style="4"/>
    <col min="12545" max="12545" width="1.375" style="4" customWidth="1"/>
    <col min="12546" max="12546" width="16.375" style="4" customWidth="1"/>
    <col min="12547" max="12547" width="15.125" style="4" customWidth="1"/>
    <col min="12548" max="12558" width="6.625" style="4" customWidth="1"/>
    <col min="12559" max="12559" width="12.375" style="4" customWidth="1"/>
    <col min="12560" max="12800" width="9" style="4"/>
    <col min="12801" max="12801" width="1.375" style="4" customWidth="1"/>
    <col min="12802" max="12802" width="16.375" style="4" customWidth="1"/>
    <col min="12803" max="12803" width="15.125" style="4" customWidth="1"/>
    <col min="12804" max="12814" width="6.625" style="4" customWidth="1"/>
    <col min="12815" max="12815" width="12.375" style="4" customWidth="1"/>
    <col min="12816" max="13056" width="9" style="4"/>
    <col min="13057" max="13057" width="1.375" style="4" customWidth="1"/>
    <col min="13058" max="13058" width="16.375" style="4" customWidth="1"/>
    <col min="13059" max="13059" width="15.125" style="4" customWidth="1"/>
    <col min="13060" max="13070" width="6.625" style="4" customWidth="1"/>
    <col min="13071" max="13071" width="12.375" style="4" customWidth="1"/>
    <col min="13072" max="13312" width="9" style="4"/>
    <col min="13313" max="13313" width="1.375" style="4" customWidth="1"/>
    <col min="13314" max="13314" width="16.375" style="4" customWidth="1"/>
    <col min="13315" max="13315" width="15.125" style="4" customWidth="1"/>
    <col min="13316" max="13326" width="6.625" style="4" customWidth="1"/>
    <col min="13327" max="13327" width="12.375" style="4" customWidth="1"/>
    <col min="13328" max="13568" width="9" style="4"/>
    <col min="13569" max="13569" width="1.375" style="4" customWidth="1"/>
    <col min="13570" max="13570" width="16.375" style="4" customWidth="1"/>
    <col min="13571" max="13571" width="15.125" style="4" customWidth="1"/>
    <col min="13572" max="13582" width="6.625" style="4" customWidth="1"/>
    <col min="13583" max="13583" width="12.375" style="4" customWidth="1"/>
    <col min="13584" max="13824" width="9" style="4"/>
    <col min="13825" max="13825" width="1.375" style="4" customWidth="1"/>
    <col min="13826" max="13826" width="16.375" style="4" customWidth="1"/>
    <col min="13827" max="13827" width="15.125" style="4" customWidth="1"/>
    <col min="13828" max="13838" width="6.625" style="4" customWidth="1"/>
    <col min="13839" max="13839" width="12.375" style="4" customWidth="1"/>
    <col min="13840" max="14080" width="9" style="4"/>
    <col min="14081" max="14081" width="1.375" style="4" customWidth="1"/>
    <col min="14082" max="14082" width="16.375" style="4" customWidth="1"/>
    <col min="14083" max="14083" width="15.125" style="4" customWidth="1"/>
    <col min="14084" max="14094" width="6.625" style="4" customWidth="1"/>
    <col min="14095" max="14095" width="12.375" style="4" customWidth="1"/>
    <col min="14096" max="14336" width="9" style="4"/>
    <col min="14337" max="14337" width="1.375" style="4" customWidth="1"/>
    <col min="14338" max="14338" width="16.375" style="4" customWidth="1"/>
    <col min="14339" max="14339" width="15.125" style="4" customWidth="1"/>
    <col min="14340" max="14350" width="6.625" style="4" customWidth="1"/>
    <col min="14351" max="14351" width="12.375" style="4" customWidth="1"/>
    <col min="14352" max="14592" width="9" style="4"/>
    <col min="14593" max="14593" width="1.375" style="4" customWidth="1"/>
    <col min="14594" max="14594" width="16.375" style="4" customWidth="1"/>
    <col min="14595" max="14595" width="15.125" style="4" customWidth="1"/>
    <col min="14596" max="14606" width="6.625" style="4" customWidth="1"/>
    <col min="14607" max="14607" width="12.375" style="4" customWidth="1"/>
    <col min="14608" max="14848" width="9" style="4"/>
    <col min="14849" max="14849" width="1.375" style="4" customWidth="1"/>
    <col min="14850" max="14850" width="16.375" style="4" customWidth="1"/>
    <col min="14851" max="14851" width="15.125" style="4" customWidth="1"/>
    <col min="14852" max="14862" width="6.625" style="4" customWidth="1"/>
    <col min="14863" max="14863" width="12.375" style="4" customWidth="1"/>
    <col min="14864" max="15104" width="9" style="4"/>
    <col min="15105" max="15105" width="1.375" style="4" customWidth="1"/>
    <col min="15106" max="15106" width="16.375" style="4" customWidth="1"/>
    <col min="15107" max="15107" width="15.125" style="4" customWidth="1"/>
    <col min="15108" max="15118" width="6.625" style="4" customWidth="1"/>
    <col min="15119" max="15119" width="12.375" style="4" customWidth="1"/>
    <col min="15120" max="15360" width="9" style="4"/>
    <col min="15361" max="15361" width="1.375" style="4" customWidth="1"/>
    <col min="15362" max="15362" width="16.375" style="4" customWidth="1"/>
    <col min="15363" max="15363" width="15.125" style="4" customWidth="1"/>
    <col min="15364" max="15374" width="6.625" style="4" customWidth="1"/>
    <col min="15375" max="15375" width="12.375" style="4" customWidth="1"/>
    <col min="15376" max="15616" width="9" style="4"/>
    <col min="15617" max="15617" width="1.375" style="4" customWidth="1"/>
    <col min="15618" max="15618" width="16.375" style="4" customWidth="1"/>
    <col min="15619" max="15619" width="15.125" style="4" customWidth="1"/>
    <col min="15620" max="15630" width="6.625" style="4" customWidth="1"/>
    <col min="15631" max="15631" width="12.375" style="4" customWidth="1"/>
    <col min="15632" max="15872" width="9" style="4"/>
    <col min="15873" max="15873" width="1.375" style="4" customWidth="1"/>
    <col min="15874" max="15874" width="16.375" style="4" customWidth="1"/>
    <col min="15875" max="15875" width="15.125" style="4" customWidth="1"/>
    <col min="15876" max="15886" width="6.625" style="4" customWidth="1"/>
    <col min="15887" max="15887" width="12.375" style="4" customWidth="1"/>
    <col min="15888" max="16128" width="9" style="4"/>
    <col min="16129" max="16129" width="1.375" style="4" customWidth="1"/>
    <col min="16130" max="16130" width="16.375" style="4" customWidth="1"/>
    <col min="16131" max="16131" width="15.125" style="4" customWidth="1"/>
    <col min="16132" max="16142" width="6.625" style="4" customWidth="1"/>
    <col min="16143" max="16143" width="12.375" style="4" customWidth="1"/>
    <col min="16144" max="16384" width="9" style="4"/>
  </cols>
  <sheetData>
    <row r="1" spans="1:15" ht="21.75" customHeight="1">
      <c r="N1" s="4" t="s">
        <v>150</v>
      </c>
    </row>
    <row r="2" spans="1:15" ht="21.75" customHeight="1">
      <c r="C2" s="312" t="s">
        <v>95</v>
      </c>
      <c r="D2" s="312"/>
      <c r="E2" s="312"/>
      <c r="F2" s="312"/>
      <c r="G2" s="312"/>
      <c r="H2" s="312"/>
      <c r="I2" s="312"/>
      <c r="J2" s="313" t="s">
        <v>96</v>
      </c>
      <c r="K2" s="314"/>
      <c r="L2" s="314"/>
    </row>
    <row r="3" spans="1:15" ht="4.5" customHeight="1">
      <c r="C3" s="30"/>
      <c r="J3" s="314"/>
      <c r="K3" s="314"/>
      <c r="L3" s="314"/>
    </row>
    <row r="4" spans="1:15" ht="21.75" customHeight="1">
      <c r="C4" s="312" t="s">
        <v>97</v>
      </c>
      <c r="D4" s="312"/>
      <c r="E4" s="312"/>
      <c r="F4" s="312"/>
      <c r="G4" s="312"/>
      <c r="H4" s="312"/>
      <c r="I4" s="312"/>
      <c r="J4" s="314"/>
      <c r="K4" s="314"/>
      <c r="L4" s="314"/>
    </row>
    <row r="5" spans="1:15" ht="19.5" customHeight="1">
      <c r="B5" s="25" t="s">
        <v>98</v>
      </c>
      <c r="C5" s="25"/>
      <c r="F5" s="30"/>
    </row>
    <row r="6" spans="1:15" ht="19.5" customHeight="1">
      <c r="L6" s="31" t="s">
        <v>151</v>
      </c>
    </row>
    <row r="7" spans="1:15" ht="19.5" customHeight="1">
      <c r="L7" s="31" t="s">
        <v>152</v>
      </c>
    </row>
    <row r="8" spans="1:15" ht="19.5" customHeight="1">
      <c r="J8" s="321" t="s">
        <v>100</v>
      </c>
      <c r="K8" s="322"/>
      <c r="L8" s="321"/>
      <c r="M8" s="271"/>
      <c r="N8" s="271"/>
      <c r="O8" s="322"/>
    </row>
    <row r="9" spans="1:15" ht="10.5" customHeight="1"/>
    <row r="10" spans="1:15" ht="18.75" customHeight="1">
      <c r="A10" s="4" t="s">
        <v>101</v>
      </c>
    </row>
    <row r="11" spans="1:15" ht="10.5" customHeight="1"/>
    <row r="12" spans="1:15" ht="30" customHeight="1">
      <c r="B12" s="310"/>
      <c r="C12" s="311"/>
      <c r="D12" s="32" t="s">
        <v>153</v>
      </c>
      <c r="E12" s="32" t="s">
        <v>153</v>
      </c>
      <c r="F12" s="32" t="s">
        <v>153</v>
      </c>
      <c r="G12" s="238" t="s">
        <v>113</v>
      </c>
      <c r="H12" s="318"/>
      <c r="I12" s="49"/>
      <c r="J12" s="49"/>
      <c r="K12" s="49"/>
      <c r="L12" s="49"/>
      <c r="M12" s="49"/>
      <c r="N12" s="49"/>
    </row>
    <row r="13" spans="1:15" ht="38.25" customHeight="1">
      <c r="B13" s="310" t="s">
        <v>154</v>
      </c>
      <c r="C13" s="311"/>
      <c r="D13" s="34"/>
      <c r="E13" s="34"/>
      <c r="F13" s="34"/>
      <c r="G13" s="323"/>
      <c r="H13" s="324"/>
      <c r="O13" s="250"/>
    </row>
    <row r="14" spans="1:15" ht="38.25" customHeight="1">
      <c r="B14" s="310" t="s">
        <v>115</v>
      </c>
      <c r="C14" s="311"/>
      <c r="D14" s="34"/>
      <c r="E14" s="34"/>
      <c r="F14" s="34"/>
      <c r="G14" s="325"/>
      <c r="H14" s="326"/>
      <c r="O14" s="250"/>
    </row>
    <row r="15" spans="1:15" ht="27.75" customHeight="1">
      <c r="B15" s="310" t="s">
        <v>116</v>
      </c>
      <c r="C15" s="311"/>
      <c r="D15" s="50" t="e">
        <f>ROUNDDOWN(D13/D14,1)</f>
        <v>#DIV/0!</v>
      </c>
      <c r="E15" s="50" t="e">
        <f>ROUNDDOWN(E13/E14,1)</f>
        <v>#DIV/0!</v>
      </c>
      <c r="F15" s="50" t="e">
        <f>ROUNDDOWN(F13/F14,1)</f>
        <v>#DIV/0!</v>
      </c>
      <c r="G15" s="327" t="e">
        <f>ROUNDDOWN(SUM(D15:F15)/3,1)</f>
        <v>#DIV/0!</v>
      </c>
      <c r="H15" s="328"/>
      <c r="O15" s="250"/>
    </row>
    <row r="16" spans="1:15" ht="16.5" customHeight="1">
      <c r="A16" s="4" t="s">
        <v>117</v>
      </c>
      <c r="E16" s="36"/>
      <c r="O16" s="250"/>
    </row>
    <row r="17" spans="1:15" ht="16.5" customHeight="1">
      <c r="A17" s="4" t="s">
        <v>118</v>
      </c>
      <c r="E17" s="36"/>
    </row>
    <row r="18" spans="1:15" ht="7.5" customHeight="1"/>
    <row r="19" spans="1:15" ht="16.5" customHeight="1">
      <c r="A19" s="4" t="s">
        <v>119</v>
      </c>
    </row>
    <row r="20" spans="1:15" ht="16.5" customHeight="1">
      <c r="B20" s="37" t="s">
        <v>120</v>
      </c>
      <c r="C20" s="38"/>
      <c r="D20" s="38"/>
      <c r="E20" s="38"/>
      <c r="F20" s="38"/>
      <c r="G20" s="38"/>
      <c r="H20" s="38"/>
      <c r="I20" s="38"/>
      <c r="J20" s="38"/>
      <c r="K20" s="39"/>
    </row>
    <row r="21" spans="1:15" ht="16.5" customHeight="1">
      <c r="B21" s="40" t="s">
        <v>121</v>
      </c>
      <c r="K21" s="41"/>
    </row>
    <row r="22" spans="1:15" ht="4.5" customHeight="1">
      <c r="B22" s="40"/>
      <c r="K22" s="41"/>
    </row>
    <row r="23" spans="1:15" ht="16.5" customHeight="1">
      <c r="B23" s="40" t="s">
        <v>122</v>
      </c>
      <c r="K23" s="41"/>
    </row>
    <row r="24" spans="1:15" ht="16.5" customHeight="1">
      <c r="B24" s="42" t="s">
        <v>123</v>
      </c>
      <c r="C24" s="43"/>
      <c r="D24" s="43"/>
      <c r="E24" s="43"/>
      <c r="F24" s="43"/>
      <c r="G24" s="43"/>
      <c r="H24" s="43"/>
      <c r="I24" s="43"/>
      <c r="J24" s="43"/>
      <c r="K24" s="44"/>
    </row>
    <row r="25" spans="1:15" ht="7.5" customHeight="1"/>
    <row r="26" spans="1:15" ht="16.5" customHeight="1">
      <c r="E26" s="36"/>
    </row>
    <row r="27" spans="1:15" ht="18.75" customHeight="1">
      <c r="A27" s="4" t="s">
        <v>124</v>
      </c>
    </row>
    <row r="28" spans="1:15" ht="10.5" customHeight="1"/>
    <row r="29" spans="1:15" ht="30" customHeight="1">
      <c r="B29" s="45" t="s">
        <v>125</v>
      </c>
      <c r="C29" s="45" t="s">
        <v>155</v>
      </c>
      <c r="D29" s="33" t="s">
        <v>156</v>
      </c>
      <c r="E29" s="33" t="s">
        <v>156</v>
      </c>
      <c r="F29" s="33" t="s">
        <v>156</v>
      </c>
      <c r="G29" s="238" t="s">
        <v>138</v>
      </c>
      <c r="H29" s="331"/>
      <c r="I29" s="40"/>
    </row>
    <row r="30" spans="1:15" ht="21" customHeight="1">
      <c r="B30" s="34"/>
      <c r="C30" s="47"/>
      <c r="D30" s="34"/>
      <c r="E30" s="34"/>
      <c r="F30" s="34"/>
      <c r="G30" s="329"/>
      <c r="H30" s="330"/>
      <c r="I30" s="40"/>
      <c r="O30" s="51"/>
    </row>
    <row r="31" spans="1:15" ht="21" customHeight="1">
      <c r="B31" s="34"/>
      <c r="C31" s="47"/>
      <c r="D31" s="34"/>
      <c r="E31" s="34"/>
      <c r="F31" s="34"/>
      <c r="G31" s="329"/>
      <c r="H31" s="330"/>
      <c r="I31" s="40"/>
      <c r="O31" s="51"/>
    </row>
    <row r="32" spans="1:15" ht="21" customHeight="1">
      <c r="B32" s="34"/>
      <c r="C32" s="47"/>
      <c r="D32" s="34"/>
      <c r="E32" s="34"/>
      <c r="F32" s="34"/>
      <c r="G32" s="329"/>
      <c r="H32" s="330"/>
      <c r="I32" s="40"/>
      <c r="O32" s="51"/>
    </row>
    <row r="33" spans="1:15" ht="21" customHeight="1">
      <c r="B33" s="34"/>
      <c r="C33" s="47"/>
      <c r="D33" s="34"/>
      <c r="E33" s="34"/>
      <c r="F33" s="34"/>
      <c r="G33" s="329"/>
      <c r="H33" s="330"/>
      <c r="I33" s="40"/>
      <c r="O33" s="51"/>
    </row>
    <row r="34" spans="1:15" ht="21" customHeight="1">
      <c r="B34" s="34"/>
      <c r="C34" s="47"/>
      <c r="D34" s="34"/>
      <c r="E34" s="34"/>
      <c r="F34" s="34"/>
      <c r="G34" s="329"/>
      <c r="H34" s="330"/>
      <c r="I34" s="40"/>
      <c r="O34" s="51"/>
    </row>
    <row r="35" spans="1:15" ht="21" customHeight="1">
      <c r="B35" s="34"/>
      <c r="C35" s="47"/>
      <c r="D35" s="34"/>
      <c r="E35" s="34"/>
      <c r="F35" s="34"/>
      <c r="G35" s="329"/>
      <c r="H35" s="330"/>
      <c r="I35" s="40"/>
      <c r="O35" s="51"/>
    </row>
    <row r="36" spans="1:15" ht="21" customHeight="1">
      <c r="B36" s="34"/>
      <c r="C36" s="47"/>
      <c r="D36" s="34"/>
      <c r="E36" s="34"/>
      <c r="F36" s="34"/>
      <c r="G36" s="329"/>
      <c r="H36" s="330"/>
      <c r="I36" s="40"/>
      <c r="O36" s="51"/>
    </row>
    <row r="37" spans="1:15" ht="21" customHeight="1">
      <c r="B37" s="34"/>
      <c r="C37" s="47"/>
      <c r="D37" s="34"/>
      <c r="E37" s="34"/>
      <c r="F37" s="34"/>
      <c r="G37" s="329"/>
      <c r="H37" s="330"/>
      <c r="I37" s="40"/>
      <c r="O37" s="51"/>
    </row>
    <row r="38" spans="1:15" ht="21" customHeight="1">
      <c r="B38" s="34"/>
      <c r="C38" s="47"/>
      <c r="D38" s="34"/>
      <c r="E38" s="34"/>
      <c r="F38" s="34"/>
      <c r="G38" s="329"/>
      <c r="H38" s="330"/>
      <c r="I38" s="40"/>
      <c r="O38" s="51"/>
    </row>
    <row r="39" spans="1:15" ht="21" customHeight="1">
      <c r="B39" s="34"/>
      <c r="C39" s="47"/>
      <c r="D39" s="34"/>
      <c r="E39" s="34"/>
      <c r="F39" s="34"/>
      <c r="G39" s="329"/>
      <c r="H39" s="330"/>
      <c r="I39" s="40"/>
      <c r="O39" s="51"/>
    </row>
    <row r="40" spans="1:15" ht="21" customHeight="1">
      <c r="B40" s="34"/>
      <c r="C40" s="47"/>
      <c r="D40" s="34"/>
      <c r="E40" s="34"/>
      <c r="F40" s="34"/>
      <c r="G40" s="329"/>
      <c r="H40" s="330"/>
      <c r="I40" s="40"/>
      <c r="O40" s="51"/>
    </row>
    <row r="41" spans="1:15" ht="21" customHeight="1">
      <c r="B41" s="238" t="s">
        <v>75</v>
      </c>
      <c r="C41" s="318"/>
      <c r="D41" s="35">
        <f>SUM(D30:D40)</f>
        <v>0</v>
      </c>
      <c r="E41" s="35">
        <f>SUM(E30:E40)</f>
        <v>0</v>
      </c>
      <c r="F41" s="35">
        <f>SUM(F30:F40)</f>
        <v>0</v>
      </c>
      <c r="G41" s="332" t="s">
        <v>139</v>
      </c>
      <c r="H41" s="333"/>
      <c r="I41" s="40"/>
    </row>
    <row r="42" spans="1:15" ht="38.25" customHeight="1">
      <c r="B42" s="310" t="s">
        <v>115</v>
      </c>
      <c r="C42" s="311"/>
      <c r="D42" s="35">
        <f>D14</f>
        <v>0</v>
      </c>
      <c r="E42" s="35">
        <f>E14</f>
        <v>0</v>
      </c>
      <c r="F42" s="35">
        <f>F14</f>
        <v>0</v>
      </c>
      <c r="G42" s="334"/>
      <c r="H42" s="335"/>
      <c r="I42" s="40"/>
    </row>
    <row r="43" spans="1:15" ht="27.75" customHeight="1">
      <c r="B43" s="310" t="s">
        <v>116</v>
      </c>
      <c r="C43" s="311"/>
      <c r="D43" s="50" t="e">
        <f>ROUNDDOWN(D41/D42,1)</f>
        <v>#DIV/0!</v>
      </c>
      <c r="E43" s="50" t="e">
        <f>ROUNDDOWN(E41/E42,1)</f>
        <v>#DIV/0!</v>
      </c>
      <c r="F43" s="50" t="e">
        <f>ROUNDDOWN(F41/F42,1)</f>
        <v>#DIV/0!</v>
      </c>
      <c r="G43" s="327" t="e">
        <f>ROUNDDOWN(SUM(D43:F43)/3,1)</f>
        <v>#DIV/0!</v>
      </c>
      <c r="H43" s="336"/>
      <c r="I43" s="40"/>
    </row>
    <row r="44" spans="1:15" ht="16.5" customHeight="1">
      <c r="A44" s="4" t="s">
        <v>200</v>
      </c>
    </row>
    <row r="45" spans="1:15" ht="17.25" customHeight="1">
      <c r="A45" s="4" t="s">
        <v>201</v>
      </c>
    </row>
    <row r="46" spans="1:15" ht="16.5" customHeight="1">
      <c r="A46" s="4" t="s">
        <v>202</v>
      </c>
    </row>
    <row r="47" spans="1:15" ht="17.25" customHeight="1">
      <c r="A47" s="4" t="s">
        <v>203</v>
      </c>
    </row>
    <row r="48" spans="1:15" ht="17.25" customHeight="1">
      <c r="A48" s="4" t="s">
        <v>140</v>
      </c>
    </row>
    <row r="49" spans="1:1" ht="17.25" customHeight="1">
      <c r="A49" s="4" t="s">
        <v>157</v>
      </c>
    </row>
    <row r="50" spans="1:1" ht="17.25" customHeight="1">
      <c r="A50" s="4" t="s">
        <v>142</v>
      </c>
    </row>
    <row r="51" spans="1:1" ht="16.5" customHeight="1">
      <c r="A51" s="4" t="s">
        <v>143</v>
      </c>
    </row>
    <row r="52" spans="1:1" ht="16.5" customHeight="1">
      <c r="A52" s="4" t="s">
        <v>144</v>
      </c>
    </row>
    <row r="53" spans="1:1" ht="16.5" customHeight="1">
      <c r="A53" s="4" t="s">
        <v>145</v>
      </c>
    </row>
    <row r="54" spans="1:1" ht="16.5" customHeight="1">
      <c r="A54" s="4" t="s">
        <v>146</v>
      </c>
    </row>
    <row r="55" spans="1:1" ht="16.5" customHeight="1">
      <c r="A55" s="4" t="s">
        <v>147</v>
      </c>
    </row>
    <row r="56" spans="1:1" ht="16.5" customHeight="1">
      <c r="A56" s="4" t="s">
        <v>148</v>
      </c>
    </row>
    <row r="57" spans="1:1" ht="16.5" customHeight="1"/>
    <row r="58" spans="1:1" ht="16.5" customHeight="1">
      <c r="A58" s="4" t="s">
        <v>149</v>
      </c>
    </row>
    <row r="59" spans="1:1" ht="8.25" customHeight="1"/>
  </sheetData>
  <mergeCells count="31">
    <mergeCell ref="B41:C41"/>
    <mergeCell ref="G41:H42"/>
    <mergeCell ref="B42:C42"/>
    <mergeCell ref="B43:C43"/>
    <mergeCell ref="G43:H43"/>
    <mergeCell ref="G40:H40"/>
    <mergeCell ref="G29:H29"/>
    <mergeCell ref="G30:H30"/>
    <mergeCell ref="G31:H31"/>
    <mergeCell ref="G32:H32"/>
    <mergeCell ref="G33:H33"/>
    <mergeCell ref="G34:H34"/>
    <mergeCell ref="G35:H35"/>
    <mergeCell ref="G36:H36"/>
    <mergeCell ref="G37:H37"/>
    <mergeCell ref="G38:H38"/>
    <mergeCell ref="G39:H39"/>
    <mergeCell ref="B13:C13"/>
    <mergeCell ref="G13:H14"/>
    <mergeCell ref="O13:O14"/>
    <mergeCell ref="B14:C14"/>
    <mergeCell ref="B15:C15"/>
    <mergeCell ref="G15:H15"/>
    <mergeCell ref="O15:O16"/>
    <mergeCell ref="B12:C12"/>
    <mergeCell ref="G12:H12"/>
    <mergeCell ref="C2:I2"/>
    <mergeCell ref="J2:L4"/>
    <mergeCell ref="C4:I4"/>
    <mergeCell ref="J8:K8"/>
    <mergeCell ref="L8:O8"/>
  </mergeCells>
  <phoneticPr fontId="3"/>
  <printOptions horizontalCentered="1"/>
  <pageMargins left="0.70866141732283472" right="0.70866141732283472" top="0.74803149606299213" bottom="0.74803149606299213" header="0.31496062992125984" footer="0.31496062992125984"/>
  <pageSetup paperSize="9" scale="70"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FB30C9-1174-4E63-B7C0-BF744342628B}">
  <dimension ref="A1:Q58"/>
  <sheetViews>
    <sheetView view="pageBreakPreview" zoomScale="80" zoomScaleNormal="80" zoomScaleSheetLayoutView="80" workbookViewId="0">
      <selection activeCell="M5" sqref="M5:P5"/>
    </sheetView>
  </sheetViews>
  <sheetFormatPr defaultColWidth="9" defaultRowHeight="13.5"/>
  <cols>
    <col min="1" max="1" width="1.625" style="4" customWidth="1"/>
    <col min="2" max="2" width="13.625" style="4" customWidth="1"/>
    <col min="3" max="3" width="12.125" style="4" customWidth="1"/>
    <col min="4" max="4" width="18.125" style="4" customWidth="1"/>
    <col min="5" max="15" width="6.625" style="4" customWidth="1"/>
    <col min="16" max="16" width="11.75" style="4" customWidth="1"/>
    <col min="17" max="256" width="9" style="4"/>
    <col min="257" max="257" width="1.625" style="4" customWidth="1"/>
    <col min="258" max="258" width="13.625" style="4" customWidth="1"/>
    <col min="259" max="259" width="12.125" style="4" customWidth="1"/>
    <col min="260" max="260" width="18.125" style="4" customWidth="1"/>
    <col min="261" max="271" width="6.625" style="4" customWidth="1"/>
    <col min="272" max="272" width="11.75" style="4" customWidth="1"/>
    <col min="273" max="512" width="9" style="4"/>
    <col min="513" max="513" width="1.625" style="4" customWidth="1"/>
    <col min="514" max="514" width="13.625" style="4" customWidth="1"/>
    <col min="515" max="515" width="12.125" style="4" customWidth="1"/>
    <col min="516" max="516" width="18.125" style="4" customWidth="1"/>
    <col min="517" max="527" width="6.625" style="4" customWidth="1"/>
    <col min="528" max="528" width="11.75" style="4" customWidth="1"/>
    <col min="529" max="768" width="9" style="4"/>
    <col min="769" max="769" width="1.625" style="4" customWidth="1"/>
    <col min="770" max="770" width="13.625" style="4" customWidth="1"/>
    <col min="771" max="771" width="12.125" style="4" customWidth="1"/>
    <col min="772" max="772" width="18.125" style="4" customWidth="1"/>
    <col min="773" max="783" width="6.625" style="4" customWidth="1"/>
    <col min="784" max="784" width="11.75" style="4" customWidth="1"/>
    <col min="785" max="1024" width="9" style="4"/>
    <col min="1025" max="1025" width="1.625" style="4" customWidth="1"/>
    <col min="1026" max="1026" width="13.625" style="4" customWidth="1"/>
    <col min="1027" max="1027" width="12.125" style="4" customWidth="1"/>
    <col min="1028" max="1028" width="18.125" style="4" customWidth="1"/>
    <col min="1029" max="1039" width="6.625" style="4" customWidth="1"/>
    <col min="1040" max="1040" width="11.75" style="4" customWidth="1"/>
    <col min="1041" max="1280" width="9" style="4"/>
    <col min="1281" max="1281" width="1.625" style="4" customWidth="1"/>
    <col min="1282" max="1282" width="13.625" style="4" customWidth="1"/>
    <col min="1283" max="1283" width="12.125" style="4" customWidth="1"/>
    <col min="1284" max="1284" width="18.125" style="4" customWidth="1"/>
    <col min="1285" max="1295" width="6.625" style="4" customWidth="1"/>
    <col min="1296" max="1296" width="11.75" style="4" customWidth="1"/>
    <col min="1297" max="1536" width="9" style="4"/>
    <col min="1537" max="1537" width="1.625" style="4" customWidth="1"/>
    <col min="1538" max="1538" width="13.625" style="4" customWidth="1"/>
    <col min="1539" max="1539" width="12.125" style="4" customWidth="1"/>
    <col min="1540" max="1540" width="18.125" style="4" customWidth="1"/>
    <col min="1541" max="1551" width="6.625" style="4" customWidth="1"/>
    <col min="1552" max="1552" width="11.75" style="4" customWidth="1"/>
    <col min="1553" max="1792" width="9" style="4"/>
    <col min="1793" max="1793" width="1.625" style="4" customWidth="1"/>
    <col min="1794" max="1794" width="13.625" style="4" customWidth="1"/>
    <col min="1795" max="1795" width="12.125" style="4" customWidth="1"/>
    <col min="1796" max="1796" width="18.125" style="4" customWidth="1"/>
    <col min="1797" max="1807" width="6.625" style="4" customWidth="1"/>
    <col min="1808" max="1808" width="11.75" style="4" customWidth="1"/>
    <col min="1809" max="2048" width="9" style="4"/>
    <col min="2049" max="2049" width="1.625" style="4" customWidth="1"/>
    <col min="2050" max="2050" width="13.625" style="4" customWidth="1"/>
    <col min="2051" max="2051" width="12.125" style="4" customWidth="1"/>
    <col min="2052" max="2052" width="18.125" style="4" customWidth="1"/>
    <col min="2053" max="2063" width="6.625" style="4" customWidth="1"/>
    <col min="2064" max="2064" width="11.75" style="4" customWidth="1"/>
    <col min="2065" max="2304" width="9" style="4"/>
    <col min="2305" max="2305" width="1.625" style="4" customWidth="1"/>
    <col min="2306" max="2306" width="13.625" style="4" customWidth="1"/>
    <col min="2307" max="2307" width="12.125" style="4" customWidth="1"/>
    <col min="2308" max="2308" width="18.125" style="4" customWidth="1"/>
    <col min="2309" max="2319" width="6.625" style="4" customWidth="1"/>
    <col min="2320" max="2320" width="11.75" style="4" customWidth="1"/>
    <col min="2321" max="2560" width="9" style="4"/>
    <col min="2561" max="2561" width="1.625" style="4" customWidth="1"/>
    <col min="2562" max="2562" width="13.625" style="4" customWidth="1"/>
    <col min="2563" max="2563" width="12.125" style="4" customWidth="1"/>
    <col min="2564" max="2564" width="18.125" style="4" customWidth="1"/>
    <col min="2565" max="2575" width="6.625" style="4" customWidth="1"/>
    <col min="2576" max="2576" width="11.75" style="4" customWidth="1"/>
    <col min="2577" max="2816" width="9" style="4"/>
    <col min="2817" max="2817" width="1.625" style="4" customWidth="1"/>
    <col min="2818" max="2818" width="13.625" style="4" customWidth="1"/>
    <col min="2819" max="2819" width="12.125" style="4" customWidth="1"/>
    <col min="2820" max="2820" width="18.125" style="4" customWidth="1"/>
    <col min="2821" max="2831" width="6.625" style="4" customWidth="1"/>
    <col min="2832" max="2832" width="11.75" style="4" customWidth="1"/>
    <col min="2833" max="3072" width="9" style="4"/>
    <col min="3073" max="3073" width="1.625" style="4" customWidth="1"/>
    <col min="3074" max="3074" width="13.625" style="4" customWidth="1"/>
    <col min="3075" max="3075" width="12.125" style="4" customWidth="1"/>
    <col min="3076" max="3076" width="18.125" style="4" customWidth="1"/>
    <col min="3077" max="3087" width="6.625" style="4" customWidth="1"/>
    <col min="3088" max="3088" width="11.75" style="4" customWidth="1"/>
    <col min="3089" max="3328" width="9" style="4"/>
    <col min="3329" max="3329" width="1.625" style="4" customWidth="1"/>
    <col min="3330" max="3330" width="13.625" style="4" customWidth="1"/>
    <col min="3331" max="3331" width="12.125" style="4" customWidth="1"/>
    <col min="3332" max="3332" width="18.125" style="4" customWidth="1"/>
    <col min="3333" max="3343" width="6.625" style="4" customWidth="1"/>
    <col min="3344" max="3344" width="11.75" style="4" customWidth="1"/>
    <col min="3345" max="3584" width="9" style="4"/>
    <col min="3585" max="3585" width="1.625" style="4" customWidth="1"/>
    <col min="3586" max="3586" width="13.625" style="4" customWidth="1"/>
    <col min="3587" max="3587" width="12.125" style="4" customWidth="1"/>
    <col min="3588" max="3588" width="18.125" style="4" customWidth="1"/>
    <col min="3589" max="3599" width="6.625" style="4" customWidth="1"/>
    <col min="3600" max="3600" width="11.75" style="4" customWidth="1"/>
    <col min="3601" max="3840" width="9" style="4"/>
    <col min="3841" max="3841" width="1.625" style="4" customWidth="1"/>
    <col min="3842" max="3842" width="13.625" style="4" customWidth="1"/>
    <col min="3843" max="3843" width="12.125" style="4" customWidth="1"/>
    <col min="3844" max="3844" width="18.125" style="4" customWidth="1"/>
    <col min="3845" max="3855" width="6.625" style="4" customWidth="1"/>
    <col min="3856" max="3856" width="11.75" style="4" customWidth="1"/>
    <col min="3857" max="4096" width="9" style="4"/>
    <col min="4097" max="4097" width="1.625" style="4" customWidth="1"/>
    <col min="4098" max="4098" width="13.625" style="4" customWidth="1"/>
    <col min="4099" max="4099" width="12.125" style="4" customWidth="1"/>
    <col min="4100" max="4100" width="18.125" style="4" customWidth="1"/>
    <col min="4101" max="4111" width="6.625" style="4" customWidth="1"/>
    <col min="4112" max="4112" width="11.75" style="4" customWidth="1"/>
    <col min="4113" max="4352" width="9" style="4"/>
    <col min="4353" max="4353" width="1.625" style="4" customWidth="1"/>
    <col min="4354" max="4354" width="13.625" style="4" customWidth="1"/>
    <col min="4355" max="4355" width="12.125" style="4" customWidth="1"/>
    <col min="4356" max="4356" width="18.125" style="4" customWidth="1"/>
    <col min="4357" max="4367" width="6.625" style="4" customWidth="1"/>
    <col min="4368" max="4368" width="11.75" style="4" customWidth="1"/>
    <col min="4369" max="4608" width="9" style="4"/>
    <col min="4609" max="4609" width="1.625" style="4" customWidth="1"/>
    <col min="4610" max="4610" width="13.625" style="4" customWidth="1"/>
    <col min="4611" max="4611" width="12.125" style="4" customWidth="1"/>
    <col min="4612" max="4612" width="18.125" style="4" customWidth="1"/>
    <col min="4613" max="4623" width="6.625" style="4" customWidth="1"/>
    <col min="4624" max="4624" width="11.75" style="4" customWidth="1"/>
    <col min="4625" max="4864" width="9" style="4"/>
    <col min="4865" max="4865" width="1.625" style="4" customWidth="1"/>
    <col min="4866" max="4866" width="13.625" style="4" customWidth="1"/>
    <col min="4867" max="4867" width="12.125" style="4" customWidth="1"/>
    <col min="4868" max="4868" width="18.125" style="4" customWidth="1"/>
    <col min="4869" max="4879" width="6.625" style="4" customWidth="1"/>
    <col min="4880" max="4880" width="11.75" style="4" customWidth="1"/>
    <col min="4881" max="5120" width="9" style="4"/>
    <col min="5121" max="5121" width="1.625" style="4" customWidth="1"/>
    <col min="5122" max="5122" width="13.625" style="4" customWidth="1"/>
    <col min="5123" max="5123" width="12.125" style="4" customWidth="1"/>
    <col min="5124" max="5124" width="18.125" style="4" customWidth="1"/>
    <col min="5125" max="5135" width="6.625" style="4" customWidth="1"/>
    <col min="5136" max="5136" width="11.75" style="4" customWidth="1"/>
    <col min="5137" max="5376" width="9" style="4"/>
    <col min="5377" max="5377" width="1.625" style="4" customWidth="1"/>
    <col min="5378" max="5378" width="13.625" style="4" customWidth="1"/>
    <col min="5379" max="5379" width="12.125" style="4" customWidth="1"/>
    <col min="5380" max="5380" width="18.125" style="4" customWidth="1"/>
    <col min="5381" max="5391" width="6.625" style="4" customWidth="1"/>
    <col min="5392" max="5392" width="11.75" style="4" customWidth="1"/>
    <col min="5393" max="5632" width="9" style="4"/>
    <col min="5633" max="5633" width="1.625" style="4" customWidth="1"/>
    <col min="5634" max="5634" width="13.625" style="4" customWidth="1"/>
    <col min="5635" max="5635" width="12.125" style="4" customWidth="1"/>
    <col min="5636" max="5636" width="18.125" style="4" customWidth="1"/>
    <col min="5637" max="5647" width="6.625" style="4" customWidth="1"/>
    <col min="5648" max="5648" width="11.75" style="4" customWidth="1"/>
    <col min="5649" max="5888" width="9" style="4"/>
    <col min="5889" max="5889" width="1.625" style="4" customWidth="1"/>
    <col min="5890" max="5890" width="13.625" style="4" customWidth="1"/>
    <col min="5891" max="5891" width="12.125" style="4" customWidth="1"/>
    <col min="5892" max="5892" width="18.125" style="4" customWidth="1"/>
    <col min="5893" max="5903" width="6.625" style="4" customWidth="1"/>
    <col min="5904" max="5904" width="11.75" style="4" customWidth="1"/>
    <col min="5905" max="6144" width="9" style="4"/>
    <col min="6145" max="6145" width="1.625" style="4" customWidth="1"/>
    <col min="6146" max="6146" width="13.625" style="4" customWidth="1"/>
    <col min="6147" max="6147" width="12.125" style="4" customWidth="1"/>
    <col min="6148" max="6148" width="18.125" style="4" customWidth="1"/>
    <col min="6149" max="6159" width="6.625" style="4" customWidth="1"/>
    <col min="6160" max="6160" width="11.75" style="4" customWidth="1"/>
    <col min="6161" max="6400" width="9" style="4"/>
    <col min="6401" max="6401" width="1.625" style="4" customWidth="1"/>
    <col min="6402" max="6402" width="13.625" style="4" customWidth="1"/>
    <col min="6403" max="6403" width="12.125" style="4" customWidth="1"/>
    <col min="6404" max="6404" width="18.125" style="4" customWidth="1"/>
    <col min="6405" max="6415" width="6.625" style="4" customWidth="1"/>
    <col min="6416" max="6416" width="11.75" style="4" customWidth="1"/>
    <col min="6417" max="6656" width="9" style="4"/>
    <col min="6657" max="6657" width="1.625" style="4" customWidth="1"/>
    <col min="6658" max="6658" width="13.625" style="4" customWidth="1"/>
    <col min="6659" max="6659" width="12.125" style="4" customWidth="1"/>
    <col min="6660" max="6660" width="18.125" style="4" customWidth="1"/>
    <col min="6661" max="6671" width="6.625" style="4" customWidth="1"/>
    <col min="6672" max="6672" width="11.75" style="4" customWidth="1"/>
    <col min="6673" max="6912" width="9" style="4"/>
    <col min="6913" max="6913" width="1.625" style="4" customWidth="1"/>
    <col min="6914" max="6914" width="13.625" style="4" customWidth="1"/>
    <col min="6915" max="6915" width="12.125" style="4" customWidth="1"/>
    <col min="6916" max="6916" width="18.125" style="4" customWidth="1"/>
    <col min="6917" max="6927" width="6.625" style="4" customWidth="1"/>
    <col min="6928" max="6928" width="11.75" style="4" customWidth="1"/>
    <col min="6929" max="7168" width="9" style="4"/>
    <col min="7169" max="7169" width="1.625" style="4" customWidth="1"/>
    <col min="7170" max="7170" width="13.625" style="4" customWidth="1"/>
    <col min="7171" max="7171" width="12.125" style="4" customWidth="1"/>
    <col min="7172" max="7172" width="18.125" style="4" customWidth="1"/>
    <col min="7173" max="7183" width="6.625" style="4" customWidth="1"/>
    <col min="7184" max="7184" width="11.75" style="4" customWidth="1"/>
    <col min="7185" max="7424" width="9" style="4"/>
    <col min="7425" max="7425" width="1.625" style="4" customWidth="1"/>
    <col min="7426" max="7426" width="13.625" style="4" customWidth="1"/>
    <col min="7427" max="7427" width="12.125" style="4" customWidth="1"/>
    <col min="7428" max="7428" width="18.125" style="4" customWidth="1"/>
    <col min="7429" max="7439" width="6.625" style="4" customWidth="1"/>
    <col min="7440" max="7440" width="11.75" style="4" customWidth="1"/>
    <col min="7441" max="7680" width="9" style="4"/>
    <col min="7681" max="7681" width="1.625" style="4" customWidth="1"/>
    <col min="7682" max="7682" width="13.625" style="4" customWidth="1"/>
    <col min="7683" max="7683" width="12.125" style="4" customWidth="1"/>
    <col min="7684" max="7684" width="18.125" style="4" customWidth="1"/>
    <col min="7685" max="7695" width="6.625" style="4" customWidth="1"/>
    <col min="7696" max="7696" width="11.75" style="4" customWidth="1"/>
    <col min="7697" max="7936" width="9" style="4"/>
    <col min="7937" max="7937" width="1.625" style="4" customWidth="1"/>
    <col min="7938" max="7938" width="13.625" style="4" customWidth="1"/>
    <col min="7939" max="7939" width="12.125" style="4" customWidth="1"/>
    <col min="7940" max="7940" width="18.125" style="4" customWidth="1"/>
    <col min="7941" max="7951" width="6.625" style="4" customWidth="1"/>
    <col min="7952" max="7952" width="11.75" style="4" customWidth="1"/>
    <col min="7953" max="8192" width="9" style="4"/>
    <col min="8193" max="8193" width="1.625" style="4" customWidth="1"/>
    <col min="8194" max="8194" width="13.625" style="4" customWidth="1"/>
    <col min="8195" max="8195" width="12.125" style="4" customWidth="1"/>
    <col min="8196" max="8196" width="18.125" style="4" customWidth="1"/>
    <col min="8197" max="8207" width="6.625" style="4" customWidth="1"/>
    <col min="8208" max="8208" width="11.75" style="4" customWidth="1"/>
    <col min="8209" max="8448" width="9" style="4"/>
    <col min="8449" max="8449" width="1.625" style="4" customWidth="1"/>
    <col min="8450" max="8450" width="13.625" style="4" customWidth="1"/>
    <col min="8451" max="8451" width="12.125" style="4" customWidth="1"/>
    <col min="8452" max="8452" width="18.125" style="4" customWidth="1"/>
    <col min="8453" max="8463" width="6.625" style="4" customWidth="1"/>
    <col min="8464" max="8464" width="11.75" style="4" customWidth="1"/>
    <col min="8465" max="8704" width="9" style="4"/>
    <col min="8705" max="8705" width="1.625" style="4" customWidth="1"/>
    <col min="8706" max="8706" width="13.625" style="4" customWidth="1"/>
    <col min="8707" max="8707" width="12.125" style="4" customWidth="1"/>
    <col min="8708" max="8708" width="18.125" style="4" customWidth="1"/>
    <col min="8709" max="8719" width="6.625" style="4" customWidth="1"/>
    <col min="8720" max="8720" width="11.75" style="4" customWidth="1"/>
    <col min="8721" max="8960" width="9" style="4"/>
    <col min="8961" max="8961" width="1.625" style="4" customWidth="1"/>
    <col min="8962" max="8962" width="13.625" style="4" customWidth="1"/>
    <col min="8963" max="8963" width="12.125" style="4" customWidth="1"/>
    <col min="8964" max="8964" width="18.125" style="4" customWidth="1"/>
    <col min="8965" max="8975" width="6.625" style="4" customWidth="1"/>
    <col min="8976" max="8976" width="11.75" style="4" customWidth="1"/>
    <col min="8977" max="9216" width="9" style="4"/>
    <col min="9217" max="9217" width="1.625" style="4" customWidth="1"/>
    <col min="9218" max="9218" width="13.625" style="4" customWidth="1"/>
    <col min="9219" max="9219" width="12.125" style="4" customWidth="1"/>
    <col min="9220" max="9220" width="18.125" style="4" customWidth="1"/>
    <col min="9221" max="9231" width="6.625" style="4" customWidth="1"/>
    <col min="9232" max="9232" width="11.75" style="4" customWidth="1"/>
    <col min="9233" max="9472" width="9" style="4"/>
    <col min="9473" max="9473" width="1.625" style="4" customWidth="1"/>
    <col min="9474" max="9474" width="13.625" style="4" customWidth="1"/>
    <col min="9475" max="9475" width="12.125" style="4" customWidth="1"/>
    <col min="9476" max="9476" width="18.125" style="4" customWidth="1"/>
    <col min="9477" max="9487" width="6.625" style="4" customWidth="1"/>
    <col min="9488" max="9488" width="11.75" style="4" customWidth="1"/>
    <col min="9489" max="9728" width="9" style="4"/>
    <col min="9729" max="9729" width="1.625" style="4" customWidth="1"/>
    <col min="9730" max="9730" width="13.625" style="4" customWidth="1"/>
    <col min="9731" max="9731" width="12.125" style="4" customWidth="1"/>
    <col min="9732" max="9732" width="18.125" style="4" customWidth="1"/>
    <col min="9733" max="9743" width="6.625" style="4" customWidth="1"/>
    <col min="9744" max="9744" width="11.75" style="4" customWidth="1"/>
    <col min="9745" max="9984" width="9" style="4"/>
    <col min="9985" max="9985" width="1.625" style="4" customWidth="1"/>
    <col min="9986" max="9986" width="13.625" style="4" customWidth="1"/>
    <col min="9987" max="9987" width="12.125" style="4" customWidth="1"/>
    <col min="9988" max="9988" width="18.125" style="4" customWidth="1"/>
    <col min="9989" max="9999" width="6.625" style="4" customWidth="1"/>
    <col min="10000" max="10000" width="11.75" style="4" customWidth="1"/>
    <col min="10001" max="10240" width="9" style="4"/>
    <col min="10241" max="10241" width="1.625" style="4" customWidth="1"/>
    <col min="10242" max="10242" width="13.625" style="4" customWidth="1"/>
    <col min="10243" max="10243" width="12.125" style="4" customWidth="1"/>
    <col min="10244" max="10244" width="18.125" style="4" customWidth="1"/>
    <col min="10245" max="10255" width="6.625" style="4" customWidth="1"/>
    <col min="10256" max="10256" width="11.75" style="4" customWidth="1"/>
    <col min="10257" max="10496" width="9" style="4"/>
    <col min="10497" max="10497" width="1.625" style="4" customWidth="1"/>
    <col min="10498" max="10498" width="13.625" style="4" customWidth="1"/>
    <col min="10499" max="10499" width="12.125" style="4" customWidth="1"/>
    <col min="10500" max="10500" width="18.125" style="4" customWidth="1"/>
    <col min="10501" max="10511" width="6.625" style="4" customWidth="1"/>
    <col min="10512" max="10512" width="11.75" style="4" customWidth="1"/>
    <col min="10513" max="10752" width="9" style="4"/>
    <col min="10753" max="10753" width="1.625" style="4" customWidth="1"/>
    <col min="10754" max="10754" width="13.625" style="4" customWidth="1"/>
    <col min="10755" max="10755" width="12.125" style="4" customWidth="1"/>
    <col min="10756" max="10756" width="18.125" style="4" customWidth="1"/>
    <col min="10757" max="10767" width="6.625" style="4" customWidth="1"/>
    <col min="10768" max="10768" width="11.75" style="4" customWidth="1"/>
    <col min="10769" max="11008" width="9" style="4"/>
    <col min="11009" max="11009" width="1.625" style="4" customWidth="1"/>
    <col min="11010" max="11010" width="13.625" style="4" customWidth="1"/>
    <col min="11011" max="11011" width="12.125" style="4" customWidth="1"/>
    <col min="11012" max="11012" width="18.125" style="4" customWidth="1"/>
    <col min="11013" max="11023" width="6.625" style="4" customWidth="1"/>
    <col min="11024" max="11024" width="11.75" style="4" customWidth="1"/>
    <col min="11025" max="11264" width="9" style="4"/>
    <col min="11265" max="11265" width="1.625" style="4" customWidth="1"/>
    <col min="11266" max="11266" width="13.625" style="4" customWidth="1"/>
    <col min="11267" max="11267" width="12.125" style="4" customWidth="1"/>
    <col min="11268" max="11268" width="18.125" style="4" customWidth="1"/>
    <col min="11269" max="11279" width="6.625" style="4" customWidth="1"/>
    <col min="11280" max="11280" width="11.75" style="4" customWidth="1"/>
    <col min="11281" max="11520" width="9" style="4"/>
    <col min="11521" max="11521" width="1.625" style="4" customWidth="1"/>
    <col min="11522" max="11522" width="13.625" style="4" customWidth="1"/>
    <col min="11523" max="11523" width="12.125" style="4" customWidth="1"/>
    <col min="11524" max="11524" width="18.125" style="4" customWidth="1"/>
    <col min="11525" max="11535" width="6.625" style="4" customWidth="1"/>
    <col min="11536" max="11536" width="11.75" style="4" customWidth="1"/>
    <col min="11537" max="11776" width="9" style="4"/>
    <col min="11777" max="11777" width="1.625" style="4" customWidth="1"/>
    <col min="11778" max="11778" width="13.625" style="4" customWidth="1"/>
    <col min="11779" max="11779" width="12.125" style="4" customWidth="1"/>
    <col min="11780" max="11780" width="18.125" style="4" customWidth="1"/>
    <col min="11781" max="11791" width="6.625" style="4" customWidth="1"/>
    <col min="11792" max="11792" width="11.75" style="4" customWidth="1"/>
    <col min="11793" max="12032" width="9" style="4"/>
    <col min="12033" max="12033" width="1.625" style="4" customWidth="1"/>
    <col min="12034" max="12034" width="13.625" style="4" customWidth="1"/>
    <col min="12035" max="12035" width="12.125" style="4" customWidth="1"/>
    <col min="12036" max="12036" width="18.125" style="4" customWidth="1"/>
    <col min="12037" max="12047" width="6.625" style="4" customWidth="1"/>
    <col min="12048" max="12048" width="11.75" style="4" customWidth="1"/>
    <col min="12049" max="12288" width="9" style="4"/>
    <col min="12289" max="12289" width="1.625" style="4" customWidth="1"/>
    <col min="12290" max="12290" width="13.625" style="4" customWidth="1"/>
    <col min="12291" max="12291" width="12.125" style="4" customWidth="1"/>
    <col min="12292" max="12292" width="18.125" style="4" customWidth="1"/>
    <col min="12293" max="12303" width="6.625" style="4" customWidth="1"/>
    <col min="12304" max="12304" width="11.75" style="4" customWidth="1"/>
    <col min="12305" max="12544" width="9" style="4"/>
    <col min="12545" max="12545" width="1.625" style="4" customWidth="1"/>
    <col min="12546" max="12546" width="13.625" style="4" customWidth="1"/>
    <col min="12547" max="12547" width="12.125" style="4" customWidth="1"/>
    <col min="12548" max="12548" width="18.125" style="4" customWidth="1"/>
    <col min="12549" max="12559" width="6.625" style="4" customWidth="1"/>
    <col min="12560" max="12560" width="11.75" style="4" customWidth="1"/>
    <col min="12561" max="12800" width="9" style="4"/>
    <col min="12801" max="12801" width="1.625" style="4" customWidth="1"/>
    <col min="12802" max="12802" width="13.625" style="4" customWidth="1"/>
    <col min="12803" max="12803" width="12.125" style="4" customWidth="1"/>
    <col min="12804" max="12804" width="18.125" style="4" customWidth="1"/>
    <col min="12805" max="12815" width="6.625" style="4" customWidth="1"/>
    <col min="12816" max="12816" width="11.75" style="4" customWidth="1"/>
    <col min="12817" max="13056" width="9" style="4"/>
    <col min="13057" max="13057" width="1.625" style="4" customWidth="1"/>
    <col min="13058" max="13058" width="13.625" style="4" customWidth="1"/>
    <col min="13059" max="13059" width="12.125" style="4" customWidth="1"/>
    <col min="13060" max="13060" width="18.125" style="4" customWidth="1"/>
    <col min="13061" max="13071" width="6.625" style="4" customWidth="1"/>
    <col min="13072" max="13072" width="11.75" style="4" customWidth="1"/>
    <col min="13073" max="13312" width="9" style="4"/>
    <col min="13313" max="13313" width="1.625" style="4" customWidth="1"/>
    <col min="13314" max="13314" width="13.625" style="4" customWidth="1"/>
    <col min="13315" max="13315" width="12.125" style="4" customWidth="1"/>
    <col min="13316" max="13316" width="18.125" style="4" customWidth="1"/>
    <col min="13317" max="13327" width="6.625" style="4" customWidth="1"/>
    <col min="13328" max="13328" width="11.75" style="4" customWidth="1"/>
    <col min="13329" max="13568" width="9" style="4"/>
    <col min="13569" max="13569" width="1.625" style="4" customWidth="1"/>
    <col min="13570" max="13570" width="13.625" style="4" customWidth="1"/>
    <col min="13571" max="13571" width="12.125" style="4" customWidth="1"/>
    <col min="13572" max="13572" width="18.125" style="4" customWidth="1"/>
    <col min="13573" max="13583" width="6.625" style="4" customWidth="1"/>
    <col min="13584" max="13584" width="11.75" style="4" customWidth="1"/>
    <col min="13585" max="13824" width="9" style="4"/>
    <col min="13825" max="13825" width="1.625" style="4" customWidth="1"/>
    <col min="13826" max="13826" width="13.625" style="4" customWidth="1"/>
    <col min="13827" max="13827" width="12.125" style="4" customWidth="1"/>
    <col min="13828" max="13828" width="18.125" style="4" customWidth="1"/>
    <col min="13829" max="13839" width="6.625" style="4" customWidth="1"/>
    <col min="13840" max="13840" width="11.75" style="4" customWidth="1"/>
    <col min="13841" max="14080" width="9" style="4"/>
    <col min="14081" max="14081" width="1.625" style="4" customWidth="1"/>
    <col min="14082" max="14082" width="13.625" style="4" customWidth="1"/>
    <col min="14083" max="14083" width="12.125" style="4" customWidth="1"/>
    <col min="14084" max="14084" width="18.125" style="4" customWidth="1"/>
    <col min="14085" max="14095" width="6.625" style="4" customWidth="1"/>
    <col min="14096" max="14096" width="11.75" style="4" customWidth="1"/>
    <col min="14097" max="14336" width="9" style="4"/>
    <col min="14337" max="14337" width="1.625" style="4" customWidth="1"/>
    <col min="14338" max="14338" width="13.625" style="4" customWidth="1"/>
    <col min="14339" max="14339" width="12.125" style="4" customWidth="1"/>
    <col min="14340" max="14340" width="18.125" style="4" customWidth="1"/>
    <col min="14341" max="14351" width="6.625" style="4" customWidth="1"/>
    <col min="14352" max="14352" width="11.75" style="4" customWidth="1"/>
    <col min="14353" max="14592" width="9" style="4"/>
    <col min="14593" max="14593" width="1.625" style="4" customWidth="1"/>
    <col min="14594" max="14594" width="13.625" style="4" customWidth="1"/>
    <col min="14595" max="14595" width="12.125" style="4" customWidth="1"/>
    <col min="14596" max="14596" width="18.125" style="4" customWidth="1"/>
    <col min="14597" max="14607" width="6.625" style="4" customWidth="1"/>
    <col min="14608" max="14608" width="11.75" style="4" customWidth="1"/>
    <col min="14609" max="14848" width="9" style="4"/>
    <col min="14849" max="14849" width="1.625" style="4" customWidth="1"/>
    <col min="14850" max="14850" width="13.625" style="4" customWidth="1"/>
    <col min="14851" max="14851" width="12.125" style="4" customWidth="1"/>
    <col min="14852" max="14852" width="18.125" style="4" customWidth="1"/>
    <col min="14853" max="14863" width="6.625" style="4" customWidth="1"/>
    <col min="14864" max="14864" width="11.75" style="4" customWidth="1"/>
    <col min="14865" max="15104" width="9" style="4"/>
    <col min="15105" max="15105" width="1.625" style="4" customWidth="1"/>
    <col min="15106" max="15106" width="13.625" style="4" customWidth="1"/>
    <col min="15107" max="15107" width="12.125" style="4" customWidth="1"/>
    <col min="15108" max="15108" width="18.125" style="4" customWidth="1"/>
    <col min="15109" max="15119" width="6.625" style="4" customWidth="1"/>
    <col min="15120" max="15120" width="11.75" style="4" customWidth="1"/>
    <col min="15121" max="15360" width="9" style="4"/>
    <col min="15361" max="15361" width="1.625" style="4" customWidth="1"/>
    <col min="15362" max="15362" width="13.625" style="4" customWidth="1"/>
    <col min="15363" max="15363" width="12.125" style="4" customWidth="1"/>
    <col min="15364" max="15364" width="18.125" style="4" customWidth="1"/>
    <col min="15365" max="15375" width="6.625" style="4" customWidth="1"/>
    <col min="15376" max="15376" width="11.75" style="4" customWidth="1"/>
    <col min="15377" max="15616" width="9" style="4"/>
    <col min="15617" max="15617" width="1.625" style="4" customWidth="1"/>
    <col min="15618" max="15618" width="13.625" style="4" customWidth="1"/>
    <col min="15619" max="15619" width="12.125" style="4" customWidth="1"/>
    <col min="15620" max="15620" width="18.125" style="4" customWidth="1"/>
    <col min="15621" max="15631" width="6.625" style="4" customWidth="1"/>
    <col min="15632" max="15632" width="11.75" style="4" customWidth="1"/>
    <col min="15633" max="15872" width="9" style="4"/>
    <col min="15873" max="15873" width="1.625" style="4" customWidth="1"/>
    <col min="15874" max="15874" width="13.625" style="4" customWidth="1"/>
    <col min="15875" max="15875" width="12.125" style="4" customWidth="1"/>
    <col min="15876" max="15876" width="18.125" style="4" customWidth="1"/>
    <col min="15877" max="15887" width="6.625" style="4" customWidth="1"/>
    <col min="15888" max="15888" width="11.75" style="4" customWidth="1"/>
    <col min="15889" max="16128" width="9" style="4"/>
    <col min="16129" max="16129" width="1.625" style="4" customWidth="1"/>
    <col min="16130" max="16130" width="13.625" style="4" customWidth="1"/>
    <col min="16131" max="16131" width="12.125" style="4" customWidth="1"/>
    <col min="16132" max="16132" width="18.125" style="4" customWidth="1"/>
    <col min="16133" max="16143" width="6.625" style="4" customWidth="1"/>
    <col min="16144" max="16144" width="11.75" style="4" customWidth="1"/>
    <col min="16145" max="16384" width="9" style="4"/>
  </cols>
  <sheetData>
    <row r="1" spans="1:17" ht="21" customHeight="1">
      <c r="O1" s="117" t="s">
        <v>234</v>
      </c>
    </row>
    <row r="2" spans="1:17" ht="21" customHeight="1">
      <c r="A2" s="337" t="s">
        <v>235</v>
      </c>
      <c r="B2" s="337"/>
      <c r="C2" s="337"/>
      <c r="D2" s="337"/>
      <c r="E2" s="337"/>
      <c r="F2" s="337"/>
      <c r="G2" s="337"/>
      <c r="H2" s="337"/>
      <c r="I2" s="337"/>
      <c r="J2" s="337"/>
      <c r="K2" s="337"/>
      <c r="L2" s="337"/>
      <c r="M2" s="337"/>
      <c r="N2" s="337"/>
      <c r="O2" s="337"/>
      <c r="P2" s="337"/>
      <c r="Q2" s="337"/>
    </row>
    <row r="3" spans="1:17" ht="19.5" customHeight="1">
      <c r="B3" s="25" t="s">
        <v>236</v>
      </c>
      <c r="C3" s="25"/>
      <c r="F3" s="30"/>
    </row>
    <row r="4" spans="1:17" ht="19.5" customHeight="1">
      <c r="M4" s="31" t="s">
        <v>99</v>
      </c>
    </row>
    <row r="5" spans="1:17" ht="19.5" customHeight="1">
      <c r="K5" s="315" t="s">
        <v>100</v>
      </c>
      <c r="L5" s="315"/>
      <c r="M5" s="315"/>
      <c r="N5" s="315"/>
      <c r="O5" s="315"/>
      <c r="P5" s="315"/>
    </row>
    <row r="6" spans="1:17" ht="18.75" customHeight="1">
      <c r="A6" s="4" t="s">
        <v>237</v>
      </c>
    </row>
    <row r="7" spans="1:17" ht="10.5" customHeight="1"/>
    <row r="8" spans="1:17" ht="30" customHeight="1">
      <c r="B8" s="310"/>
      <c r="C8" s="338"/>
      <c r="D8" s="311"/>
      <c r="E8" s="32" t="s">
        <v>102</v>
      </c>
      <c r="F8" s="32" t="s">
        <v>103</v>
      </c>
      <c r="G8" s="32" t="s">
        <v>104</v>
      </c>
      <c r="H8" s="32" t="s">
        <v>105</v>
      </c>
      <c r="I8" s="32" t="s">
        <v>106</v>
      </c>
      <c r="J8" s="32" t="s">
        <v>107</v>
      </c>
      <c r="K8" s="32" t="s">
        <v>108</v>
      </c>
      <c r="L8" s="32" t="s">
        <v>109</v>
      </c>
      <c r="M8" s="32" t="s">
        <v>110</v>
      </c>
      <c r="N8" s="32" t="s">
        <v>111</v>
      </c>
      <c r="O8" s="32" t="s">
        <v>112</v>
      </c>
      <c r="P8" s="33" t="s">
        <v>113</v>
      </c>
    </row>
    <row r="9" spans="1:17" ht="30" customHeight="1">
      <c r="B9" s="310" t="s">
        <v>114</v>
      </c>
      <c r="C9" s="338"/>
      <c r="D9" s="311"/>
      <c r="E9" s="34"/>
      <c r="F9" s="34"/>
      <c r="G9" s="34"/>
      <c r="H9" s="34"/>
      <c r="I9" s="34"/>
      <c r="J9" s="34"/>
      <c r="K9" s="34"/>
      <c r="L9" s="34"/>
      <c r="M9" s="34"/>
      <c r="N9" s="34"/>
      <c r="O9" s="34"/>
      <c r="P9" s="316"/>
    </row>
    <row r="10" spans="1:17" ht="30" customHeight="1">
      <c r="B10" s="310" t="s">
        <v>115</v>
      </c>
      <c r="C10" s="338"/>
      <c r="D10" s="311"/>
      <c r="E10" s="34"/>
      <c r="F10" s="34"/>
      <c r="G10" s="34"/>
      <c r="H10" s="34"/>
      <c r="I10" s="34"/>
      <c r="J10" s="34"/>
      <c r="K10" s="34"/>
      <c r="L10" s="34"/>
      <c r="M10" s="34"/>
      <c r="N10" s="34"/>
      <c r="O10" s="34"/>
      <c r="P10" s="317"/>
    </row>
    <row r="11" spans="1:17" ht="27.75" customHeight="1">
      <c r="B11" s="310" t="s">
        <v>116</v>
      </c>
      <c r="C11" s="338"/>
      <c r="D11" s="311"/>
      <c r="E11" s="35">
        <f>IF(E10&gt;0,ROUNDDOWN(E9/E10,1),0)</f>
        <v>0</v>
      </c>
      <c r="F11" s="35">
        <f t="shared" ref="F11:O11" si="0">IF(F10&gt;0,ROUNDDOWN(F9/F10,1),0)</f>
        <v>0</v>
      </c>
      <c r="G11" s="35">
        <f t="shared" si="0"/>
        <v>0</v>
      </c>
      <c r="H11" s="35">
        <f t="shared" si="0"/>
        <v>0</v>
      </c>
      <c r="I11" s="35">
        <f t="shared" si="0"/>
        <v>0</v>
      </c>
      <c r="J11" s="35">
        <f t="shared" si="0"/>
        <v>0</v>
      </c>
      <c r="K11" s="35">
        <f t="shared" si="0"/>
        <v>0</v>
      </c>
      <c r="L11" s="35">
        <f t="shared" si="0"/>
        <v>0</v>
      </c>
      <c r="M11" s="35">
        <f t="shared" si="0"/>
        <v>0</v>
      </c>
      <c r="N11" s="35">
        <f t="shared" si="0"/>
        <v>0</v>
      </c>
      <c r="O11" s="35">
        <f t="shared" si="0"/>
        <v>0</v>
      </c>
      <c r="P11" s="35" t="e">
        <f>ROUNDDOWN(SUM(E11:O11)/COUNTIF(E10:O10,"&gt;0"),1)</f>
        <v>#DIV/0!</v>
      </c>
    </row>
    <row r="12" spans="1:17" ht="16.5" customHeight="1">
      <c r="A12" s="4" t="s">
        <v>238</v>
      </c>
      <c r="B12" s="36"/>
      <c r="C12" s="36"/>
      <c r="D12" s="36"/>
    </row>
    <row r="13" spans="1:17" ht="16.5" customHeight="1">
      <c r="A13" s="4" t="s">
        <v>239</v>
      </c>
      <c r="B13" s="36"/>
      <c r="C13" s="36"/>
      <c r="D13" s="36"/>
    </row>
    <row r="14" spans="1:17" ht="16.5" customHeight="1">
      <c r="A14" s="4" t="s">
        <v>240</v>
      </c>
      <c r="B14" s="36"/>
      <c r="C14" s="36"/>
      <c r="D14" s="36"/>
    </row>
    <row r="15" spans="1:17" ht="6" customHeight="1"/>
    <row r="16" spans="1:17" ht="16.5" customHeight="1">
      <c r="A16" s="4" t="s">
        <v>119</v>
      </c>
    </row>
    <row r="17" spans="1:16" ht="6" customHeight="1"/>
    <row r="18" spans="1:16" ht="16.5" customHeight="1">
      <c r="B18" s="37" t="s">
        <v>120</v>
      </c>
      <c r="C18" s="38"/>
      <c r="D18" s="38"/>
      <c r="E18" s="38"/>
      <c r="F18" s="38"/>
      <c r="G18" s="38"/>
      <c r="H18" s="38"/>
      <c r="I18" s="38"/>
      <c r="J18" s="38"/>
      <c r="K18" s="39"/>
    </row>
    <row r="19" spans="1:16" ht="16.5" customHeight="1">
      <c r="B19" s="40" t="s">
        <v>121</v>
      </c>
      <c r="K19" s="41"/>
    </row>
    <row r="20" spans="1:16" ht="4.5" customHeight="1">
      <c r="B20" s="40"/>
      <c r="K20" s="41"/>
    </row>
    <row r="21" spans="1:16" ht="16.5" customHeight="1">
      <c r="B21" s="40" t="s">
        <v>122</v>
      </c>
      <c r="K21" s="41"/>
    </row>
    <row r="22" spans="1:16" ht="16.5" customHeight="1">
      <c r="B22" s="42" t="s">
        <v>123</v>
      </c>
      <c r="C22" s="43"/>
      <c r="D22" s="43"/>
      <c r="E22" s="43"/>
      <c r="F22" s="43"/>
      <c r="G22" s="43"/>
      <c r="H22" s="43"/>
      <c r="I22" s="43"/>
      <c r="J22" s="43"/>
      <c r="K22" s="44"/>
    </row>
    <row r="23" spans="1:16" ht="16.5" customHeight="1"/>
    <row r="24" spans="1:16" ht="18.75" customHeight="1">
      <c r="A24" s="4" t="s">
        <v>241</v>
      </c>
    </row>
    <row r="25" spans="1:16" ht="10.5" customHeight="1"/>
    <row r="26" spans="1:16" ht="30" customHeight="1">
      <c r="B26" s="45" t="s">
        <v>242</v>
      </c>
      <c r="C26" s="46" t="s">
        <v>243</v>
      </c>
      <c r="D26" s="45" t="s">
        <v>244</v>
      </c>
      <c r="E26" s="33" t="s">
        <v>127</v>
      </c>
      <c r="F26" s="33" t="s">
        <v>128</v>
      </c>
      <c r="G26" s="33" t="s">
        <v>129</v>
      </c>
      <c r="H26" s="33" t="s">
        <v>130</v>
      </c>
      <c r="I26" s="33" t="s">
        <v>131</v>
      </c>
      <c r="J26" s="33" t="s">
        <v>132</v>
      </c>
      <c r="K26" s="33" t="s">
        <v>133</v>
      </c>
      <c r="L26" s="33" t="s">
        <v>134</v>
      </c>
      <c r="M26" s="33" t="s">
        <v>135</v>
      </c>
      <c r="N26" s="33" t="s">
        <v>136</v>
      </c>
      <c r="O26" s="33" t="s">
        <v>137</v>
      </c>
      <c r="P26" s="33" t="s">
        <v>245</v>
      </c>
    </row>
    <row r="27" spans="1:16" ht="21" customHeight="1">
      <c r="B27" s="34"/>
      <c r="C27" s="47"/>
      <c r="D27" s="34" t="s">
        <v>246</v>
      </c>
      <c r="E27" s="34"/>
      <c r="F27" s="34"/>
      <c r="G27" s="34"/>
      <c r="H27" s="34"/>
      <c r="I27" s="34"/>
      <c r="J27" s="34"/>
      <c r="K27" s="34"/>
      <c r="L27" s="34"/>
      <c r="M27" s="34"/>
      <c r="N27" s="34"/>
      <c r="O27" s="34"/>
      <c r="P27" s="47"/>
    </row>
    <row r="28" spans="1:16" ht="21" customHeight="1">
      <c r="B28" s="34"/>
      <c r="C28" s="47"/>
      <c r="D28" s="34" t="s">
        <v>246</v>
      </c>
      <c r="E28" s="34"/>
      <c r="F28" s="34"/>
      <c r="G28" s="34"/>
      <c r="H28" s="34"/>
      <c r="I28" s="34"/>
      <c r="J28" s="34"/>
      <c r="K28" s="34"/>
      <c r="L28" s="34"/>
      <c r="M28" s="34"/>
      <c r="N28" s="34"/>
      <c r="O28" s="34"/>
      <c r="P28" s="47"/>
    </row>
    <row r="29" spans="1:16" ht="21" customHeight="1">
      <c r="B29" s="34"/>
      <c r="C29" s="47"/>
      <c r="D29" s="34" t="s">
        <v>246</v>
      </c>
      <c r="E29" s="34"/>
      <c r="F29" s="34"/>
      <c r="G29" s="34"/>
      <c r="H29" s="34"/>
      <c r="I29" s="34"/>
      <c r="J29" s="34"/>
      <c r="K29" s="34"/>
      <c r="L29" s="34"/>
      <c r="M29" s="34"/>
      <c r="N29" s="34"/>
      <c r="O29" s="34"/>
      <c r="P29" s="47"/>
    </row>
    <row r="30" spans="1:16" ht="21" customHeight="1">
      <c r="B30" s="34"/>
      <c r="C30" s="47"/>
      <c r="D30" s="34" t="s">
        <v>246</v>
      </c>
      <c r="E30" s="34"/>
      <c r="F30" s="34"/>
      <c r="G30" s="34"/>
      <c r="H30" s="34"/>
      <c r="I30" s="34"/>
      <c r="J30" s="34"/>
      <c r="K30" s="34"/>
      <c r="L30" s="34"/>
      <c r="M30" s="34"/>
      <c r="N30" s="34"/>
      <c r="O30" s="34"/>
      <c r="P30" s="47"/>
    </row>
    <row r="31" spans="1:16" ht="21" customHeight="1">
      <c r="B31" s="34"/>
      <c r="C31" s="118"/>
      <c r="D31" s="34" t="s">
        <v>246</v>
      </c>
      <c r="E31" s="34"/>
      <c r="F31" s="34"/>
      <c r="G31" s="34"/>
      <c r="H31" s="34"/>
      <c r="I31" s="34"/>
      <c r="J31" s="34"/>
      <c r="K31" s="34"/>
      <c r="L31" s="34"/>
      <c r="M31" s="34"/>
      <c r="N31" s="34"/>
      <c r="O31" s="34"/>
      <c r="P31" s="47"/>
    </row>
    <row r="32" spans="1:16" ht="21" customHeight="1">
      <c r="B32" s="34"/>
      <c r="C32" s="47"/>
      <c r="D32" s="34" t="s">
        <v>246</v>
      </c>
      <c r="E32" s="34"/>
      <c r="F32" s="34"/>
      <c r="G32" s="34"/>
      <c r="H32" s="34"/>
      <c r="I32" s="34"/>
      <c r="J32" s="34"/>
      <c r="L32" s="34"/>
      <c r="M32" s="34"/>
      <c r="N32" s="34"/>
      <c r="O32" s="34"/>
      <c r="P32" s="47"/>
    </row>
    <row r="33" spans="1:16" ht="21" customHeight="1">
      <c r="B33" s="34"/>
      <c r="C33" s="47"/>
      <c r="D33" s="34" t="s">
        <v>246</v>
      </c>
      <c r="E33" s="34"/>
      <c r="F33" s="34"/>
      <c r="G33" s="34"/>
      <c r="H33" s="34"/>
      <c r="I33" s="34"/>
      <c r="J33" s="34"/>
      <c r="K33" s="34"/>
      <c r="L33" s="34"/>
      <c r="M33" s="34"/>
      <c r="N33" s="34"/>
      <c r="O33" s="34"/>
      <c r="P33" s="47"/>
    </row>
    <row r="34" spans="1:16" ht="21" customHeight="1">
      <c r="B34" s="34"/>
      <c r="C34" s="47"/>
      <c r="D34" s="34" t="s">
        <v>246</v>
      </c>
      <c r="E34" s="34"/>
      <c r="F34" s="34"/>
      <c r="G34" s="34"/>
      <c r="H34" s="34"/>
      <c r="I34" s="34"/>
      <c r="J34" s="34"/>
      <c r="K34" s="34"/>
      <c r="L34" s="34"/>
      <c r="M34" s="34"/>
      <c r="N34" s="34"/>
      <c r="O34" s="34"/>
      <c r="P34" s="47"/>
    </row>
    <row r="35" spans="1:16" ht="21" customHeight="1">
      <c r="B35" s="34"/>
      <c r="C35" s="47"/>
      <c r="D35" s="34" t="s">
        <v>246</v>
      </c>
      <c r="E35" s="34"/>
      <c r="F35" s="34"/>
      <c r="G35" s="34"/>
      <c r="H35" s="34"/>
      <c r="I35" s="34"/>
      <c r="J35" s="34"/>
      <c r="K35" s="34"/>
      <c r="L35" s="34"/>
      <c r="M35" s="34"/>
      <c r="N35" s="34"/>
      <c r="O35" s="34"/>
      <c r="P35" s="47"/>
    </row>
    <row r="36" spans="1:16" ht="21" customHeight="1">
      <c r="B36" s="34"/>
      <c r="C36" s="47"/>
      <c r="D36" s="34" t="s">
        <v>246</v>
      </c>
      <c r="E36" s="34"/>
      <c r="F36" s="34"/>
      <c r="G36" s="34"/>
      <c r="H36" s="34"/>
      <c r="I36" s="34"/>
      <c r="J36" s="34"/>
      <c r="K36" s="34"/>
      <c r="L36" s="34"/>
      <c r="M36" s="34"/>
      <c r="N36" s="34"/>
      <c r="O36" s="34"/>
      <c r="P36" s="47"/>
    </row>
    <row r="37" spans="1:16" ht="21" customHeight="1">
      <c r="B37" s="34"/>
      <c r="C37" s="47"/>
      <c r="D37" s="34" t="s">
        <v>246</v>
      </c>
      <c r="E37" s="34"/>
      <c r="F37" s="34"/>
      <c r="G37" s="34"/>
      <c r="H37" s="34"/>
      <c r="I37" s="34"/>
      <c r="J37" s="34"/>
      <c r="K37" s="34"/>
      <c r="L37" s="34"/>
      <c r="M37" s="34"/>
      <c r="N37" s="34"/>
      <c r="O37" s="34"/>
      <c r="P37" s="47"/>
    </row>
    <row r="38" spans="1:16" ht="21" customHeight="1">
      <c r="B38" s="238" t="s">
        <v>75</v>
      </c>
      <c r="C38" s="331"/>
      <c r="D38" s="318"/>
      <c r="E38" s="35">
        <f t="shared" ref="E38:O38" si="1">SUM(E27:E37)</f>
        <v>0</v>
      </c>
      <c r="F38" s="35">
        <f t="shared" si="1"/>
        <v>0</v>
      </c>
      <c r="G38" s="35">
        <f t="shared" si="1"/>
        <v>0</v>
      </c>
      <c r="H38" s="35">
        <f t="shared" si="1"/>
        <v>0</v>
      </c>
      <c r="I38" s="35">
        <f t="shared" si="1"/>
        <v>0</v>
      </c>
      <c r="J38" s="35">
        <f t="shared" si="1"/>
        <v>0</v>
      </c>
      <c r="K38" s="35">
        <f t="shared" si="1"/>
        <v>0</v>
      </c>
      <c r="L38" s="35">
        <f t="shared" si="1"/>
        <v>0</v>
      </c>
      <c r="M38" s="35">
        <f t="shared" si="1"/>
        <v>0</v>
      </c>
      <c r="N38" s="35">
        <f t="shared" si="1"/>
        <v>0</v>
      </c>
      <c r="O38" s="119">
        <f t="shared" si="1"/>
        <v>0</v>
      </c>
      <c r="P38" s="319" t="s">
        <v>139</v>
      </c>
    </row>
    <row r="39" spans="1:16" ht="30" customHeight="1">
      <c r="B39" s="310" t="s">
        <v>115</v>
      </c>
      <c r="C39" s="338"/>
      <c r="D39" s="311"/>
      <c r="E39" s="35">
        <f t="shared" ref="E39:O39" si="2">E10</f>
        <v>0</v>
      </c>
      <c r="F39" s="35">
        <f t="shared" si="2"/>
        <v>0</v>
      </c>
      <c r="G39" s="35">
        <f t="shared" si="2"/>
        <v>0</v>
      </c>
      <c r="H39" s="35">
        <f t="shared" si="2"/>
        <v>0</v>
      </c>
      <c r="I39" s="35">
        <f t="shared" si="2"/>
        <v>0</v>
      </c>
      <c r="J39" s="35">
        <f t="shared" si="2"/>
        <v>0</v>
      </c>
      <c r="K39" s="35">
        <f t="shared" si="2"/>
        <v>0</v>
      </c>
      <c r="L39" s="35">
        <f t="shared" si="2"/>
        <v>0</v>
      </c>
      <c r="M39" s="35">
        <f t="shared" si="2"/>
        <v>0</v>
      </c>
      <c r="N39" s="35">
        <f t="shared" si="2"/>
        <v>0</v>
      </c>
      <c r="O39" s="119">
        <f t="shared" si="2"/>
        <v>0</v>
      </c>
      <c r="P39" s="320"/>
    </row>
    <row r="40" spans="1:16" ht="30" customHeight="1">
      <c r="B40" s="310" t="s">
        <v>116</v>
      </c>
      <c r="C40" s="338"/>
      <c r="D40" s="311"/>
      <c r="E40" s="48">
        <f>IF(E39&gt;0,ROUNDDOWN(E38/E39,1),0)</f>
        <v>0</v>
      </c>
      <c r="F40" s="48">
        <f t="shared" ref="F40:O40" si="3">IF(F39&gt;0,ROUNDDOWN(F38/F39,1),0)</f>
        <v>0</v>
      </c>
      <c r="G40" s="48">
        <f t="shared" si="3"/>
        <v>0</v>
      </c>
      <c r="H40" s="48">
        <f t="shared" si="3"/>
        <v>0</v>
      </c>
      <c r="I40" s="48">
        <f t="shared" si="3"/>
        <v>0</v>
      </c>
      <c r="J40" s="48">
        <f t="shared" si="3"/>
        <v>0</v>
      </c>
      <c r="K40" s="48">
        <f t="shared" si="3"/>
        <v>0</v>
      </c>
      <c r="L40" s="48">
        <f t="shared" si="3"/>
        <v>0</v>
      </c>
      <c r="M40" s="48">
        <f t="shared" si="3"/>
        <v>0</v>
      </c>
      <c r="N40" s="48">
        <f t="shared" si="3"/>
        <v>0</v>
      </c>
      <c r="O40" s="48">
        <f t="shared" si="3"/>
        <v>0</v>
      </c>
      <c r="P40" s="120" t="e">
        <f>ROUNDDOWN(SUM(E40:O40)/COUNTIF(E39:O39,"&gt;0"),1)</f>
        <v>#DIV/0!</v>
      </c>
    </row>
    <row r="41" spans="1:16" ht="16.5" customHeight="1">
      <c r="A41" s="4" t="s">
        <v>247</v>
      </c>
    </row>
    <row r="42" spans="1:16" ht="16.5" customHeight="1">
      <c r="A42" s="4" t="s">
        <v>248</v>
      </c>
    </row>
    <row r="43" spans="1:16" ht="16.5" customHeight="1">
      <c r="A43" s="4" t="s">
        <v>249</v>
      </c>
    </row>
    <row r="44" spans="1:16" ht="17.25" customHeight="1">
      <c r="A44" s="4" t="s">
        <v>250</v>
      </c>
      <c r="B44" s="117"/>
    </row>
    <row r="45" spans="1:16" ht="17.25" customHeight="1">
      <c r="A45" s="4" t="s">
        <v>251</v>
      </c>
      <c r="B45" s="117"/>
    </row>
    <row r="46" spans="1:16" ht="17.25" customHeight="1">
      <c r="A46" s="4" t="s">
        <v>252</v>
      </c>
      <c r="B46" s="117"/>
    </row>
    <row r="47" spans="1:16" ht="17.25" customHeight="1">
      <c r="A47" s="4" t="s">
        <v>253</v>
      </c>
      <c r="B47" s="117"/>
    </row>
    <row r="48" spans="1:16" ht="17.25" customHeight="1">
      <c r="A48" s="4" t="s">
        <v>262</v>
      </c>
      <c r="B48" s="117"/>
    </row>
    <row r="49" spans="1:2" ht="17.25" customHeight="1">
      <c r="A49" s="4" t="s">
        <v>263</v>
      </c>
      <c r="B49" s="117"/>
    </row>
    <row r="50" spans="1:2" ht="18" customHeight="1">
      <c r="A50" s="4" t="s">
        <v>256</v>
      </c>
    </row>
    <row r="51" spans="1:2" ht="18" customHeight="1">
      <c r="A51" s="4" t="s">
        <v>257</v>
      </c>
    </row>
    <row r="52" spans="1:2" ht="18" customHeight="1">
      <c r="A52" s="4" t="s">
        <v>258</v>
      </c>
    </row>
    <row r="53" spans="1:2" ht="18" customHeight="1">
      <c r="A53" s="4" t="s">
        <v>259</v>
      </c>
    </row>
    <row r="54" spans="1:2" ht="16.5" customHeight="1">
      <c r="A54" s="4" t="s">
        <v>260</v>
      </c>
    </row>
    <row r="55" spans="1:2" ht="16.5" customHeight="1">
      <c r="A55" s="4" t="s">
        <v>261</v>
      </c>
    </row>
    <row r="56" spans="1:2" ht="16.5" customHeight="1"/>
    <row r="57" spans="1:2" ht="18" customHeight="1">
      <c r="A57" s="4" t="s">
        <v>149</v>
      </c>
    </row>
    <row r="58" spans="1:2" ht="6.75" customHeight="1"/>
  </sheetData>
  <mergeCells count="12">
    <mergeCell ref="B11:D11"/>
    <mergeCell ref="B38:D38"/>
    <mergeCell ref="P38:P39"/>
    <mergeCell ref="B39:D39"/>
    <mergeCell ref="B40:D40"/>
    <mergeCell ref="A2:Q2"/>
    <mergeCell ref="K5:L5"/>
    <mergeCell ref="M5:P5"/>
    <mergeCell ref="B8:D8"/>
    <mergeCell ref="B9:D9"/>
    <mergeCell ref="P9:P10"/>
    <mergeCell ref="B10:D10"/>
  </mergeCells>
  <phoneticPr fontId="3"/>
  <pageMargins left="0.7" right="0.7" top="0.75" bottom="0.75" header="0.3" footer="0.3"/>
  <pageSetup paperSize="9" scale="68" orientation="portrait" verticalDpi="0" r:id="rId1"/>
  <colBreaks count="1" manualBreakCount="1">
    <brk id="16"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FF090AB-F311-4535-BB2E-609B49708140}">
  <dimension ref="A1:Q56"/>
  <sheetViews>
    <sheetView view="pageBreakPreview" zoomScale="80" zoomScaleNormal="100" zoomScaleSheetLayoutView="80" workbookViewId="0">
      <selection activeCell="M5" sqref="M5:P5"/>
    </sheetView>
  </sheetViews>
  <sheetFormatPr defaultColWidth="9" defaultRowHeight="13.5"/>
  <cols>
    <col min="1" max="1" width="1.625" style="4" customWidth="1"/>
    <col min="2" max="2" width="13.625" style="4" customWidth="1"/>
    <col min="3" max="3" width="12.125" style="4" customWidth="1"/>
    <col min="4" max="4" width="18.125" style="4" customWidth="1"/>
    <col min="5" max="15" width="6.625" style="4" customWidth="1"/>
    <col min="16" max="16" width="11.75" style="4" customWidth="1"/>
    <col min="17" max="256" width="9" style="4"/>
    <col min="257" max="257" width="1.625" style="4" customWidth="1"/>
    <col min="258" max="258" width="13.625" style="4" customWidth="1"/>
    <col min="259" max="259" width="12.125" style="4" customWidth="1"/>
    <col min="260" max="260" width="18.125" style="4" customWidth="1"/>
    <col min="261" max="271" width="6.625" style="4" customWidth="1"/>
    <col min="272" max="272" width="11.75" style="4" customWidth="1"/>
    <col min="273" max="512" width="9" style="4"/>
    <col min="513" max="513" width="1.625" style="4" customWidth="1"/>
    <col min="514" max="514" width="13.625" style="4" customWidth="1"/>
    <col min="515" max="515" width="12.125" style="4" customWidth="1"/>
    <col min="516" max="516" width="18.125" style="4" customWidth="1"/>
    <col min="517" max="527" width="6.625" style="4" customWidth="1"/>
    <col min="528" max="528" width="11.75" style="4" customWidth="1"/>
    <col min="529" max="768" width="9" style="4"/>
    <col min="769" max="769" width="1.625" style="4" customWidth="1"/>
    <col min="770" max="770" width="13.625" style="4" customWidth="1"/>
    <col min="771" max="771" width="12.125" style="4" customWidth="1"/>
    <col min="772" max="772" width="18.125" style="4" customWidth="1"/>
    <col min="773" max="783" width="6.625" style="4" customWidth="1"/>
    <col min="784" max="784" width="11.75" style="4" customWidth="1"/>
    <col min="785" max="1024" width="9" style="4"/>
    <col min="1025" max="1025" width="1.625" style="4" customWidth="1"/>
    <col min="1026" max="1026" width="13.625" style="4" customWidth="1"/>
    <col min="1027" max="1027" width="12.125" style="4" customWidth="1"/>
    <col min="1028" max="1028" width="18.125" style="4" customWidth="1"/>
    <col min="1029" max="1039" width="6.625" style="4" customWidth="1"/>
    <col min="1040" max="1040" width="11.75" style="4" customWidth="1"/>
    <col min="1041" max="1280" width="9" style="4"/>
    <col min="1281" max="1281" width="1.625" style="4" customWidth="1"/>
    <col min="1282" max="1282" width="13.625" style="4" customWidth="1"/>
    <col min="1283" max="1283" width="12.125" style="4" customWidth="1"/>
    <col min="1284" max="1284" width="18.125" style="4" customWidth="1"/>
    <col min="1285" max="1295" width="6.625" style="4" customWidth="1"/>
    <col min="1296" max="1296" width="11.75" style="4" customWidth="1"/>
    <col min="1297" max="1536" width="9" style="4"/>
    <col min="1537" max="1537" width="1.625" style="4" customWidth="1"/>
    <col min="1538" max="1538" width="13.625" style="4" customWidth="1"/>
    <col min="1539" max="1539" width="12.125" style="4" customWidth="1"/>
    <col min="1540" max="1540" width="18.125" style="4" customWidth="1"/>
    <col min="1541" max="1551" width="6.625" style="4" customWidth="1"/>
    <col min="1552" max="1552" width="11.75" style="4" customWidth="1"/>
    <col min="1553" max="1792" width="9" style="4"/>
    <col min="1793" max="1793" width="1.625" style="4" customWidth="1"/>
    <col min="1794" max="1794" width="13.625" style="4" customWidth="1"/>
    <col min="1795" max="1795" width="12.125" style="4" customWidth="1"/>
    <col min="1796" max="1796" width="18.125" style="4" customWidth="1"/>
    <col min="1797" max="1807" width="6.625" style="4" customWidth="1"/>
    <col min="1808" max="1808" width="11.75" style="4" customWidth="1"/>
    <col min="1809" max="2048" width="9" style="4"/>
    <col min="2049" max="2049" width="1.625" style="4" customWidth="1"/>
    <col min="2050" max="2050" width="13.625" style="4" customWidth="1"/>
    <col min="2051" max="2051" width="12.125" style="4" customWidth="1"/>
    <col min="2052" max="2052" width="18.125" style="4" customWidth="1"/>
    <col min="2053" max="2063" width="6.625" style="4" customWidth="1"/>
    <col min="2064" max="2064" width="11.75" style="4" customWidth="1"/>
    <col min="2065" max="2304" width="9" style="4"/>
    <col min="2305" max="2305" width="1.625" style="4" customWidth="1"/>
    <col min="2306" max="2306" width="13.625" style="4" customWidth="1"/>
    <col min="2307" max="2307" width="12.125" style="4" customWidth="1"/>
    <col min="2308" max="2308" width="18.125" style="4" customWidth="1"/>
    <col min="2309" max="2319" width="6.625" style="4" customWidth="1"/>
    <col min="2320" max="2320" width="11.75" style="4" customWidth="1"/>
    <col min="2321" max="2560" width="9" style="4"/>
    <col min="2561" max="2561" width="1.625" style="4" customWidth="1"/>
    <col min="2562" max="2562" width="13.625" style="4" customWidth="1"/>
    <col min="2563" max="2563" width="12.125" style="4" customWidth="1"/>
    <col min="2564" max="2564" width="18.125" style="4" customWidth="1"/>
    <col min="2565" max="2575" width="6.625" style="4" customWidth="1"/>
    <col min="2576" max="2576" width="11.75" style="4" customWidth="1"/>
    <col min="2577" max="2816" width="9" style="4"/>
    <col min="2817" max="2817" width="1.625" style="4" customWidth="1"/>
    <col min="2818" max="2818" width="13.625" style="4" customWidth="1"/>
    <col min="2819" max="2819" width="12.125" style="4" customWidth="1"/>
    <col min="2820" max="2820" width="18.125" style="4" customWidth="1"/>
    <col min="2821" max="2831" width="6.625" style="4" customWidth="1"/>
    <col min="2832" max="2832" width="11.75" style="4" customWidth="1"/>
    <col min="2833" max="3072" width="9" style="4"/>
    <col min="3073" max="3073" width="1.625" style="4" customWidth="1"/>
    <col min="3074" max="3074" width="13.625" style="4" customWidth="1"/>
    <col min="3075" max="3075" width="12.125" style="4" customWidth="1"/>
    <col min="3076" max="3076" width="18.125" style="4" customWidth="1"/>
    <col min="3077" max="3087" width="6.625" style="4" customWidth="1"/>
    <col min="3088" max="3088" width="11.75" style="4" customWidth="1"/>
    <col min="3089" max="3328" width="9" style="4"/>
    <col min="3329" max="3329" width="1.625" style="4" customWidth="1"/>
    <col min="3330" max="3330" width="13.625" style="4" customWidth="1"/>
    <col min="3331" max="3331" width="12.125" style="4" customWidth="1"/>
    <col min="3332" max="3332" width="18.125" style="4" customWidth="1"/>
    <col min="3333" max="3343" width="6.625" style="4" customWidth="1"/>
    <col min="3344" max="3344" width="11.75" style="4" customWidth="1"/>
    <col min="3345" max="3584" width="9" style="4"/>
    <col min="3585" max="3585" width="1.625" style="4" customWidth="1"/>
    <col min="3586" max="3586" width="13.625" style="4" customWidth="1"/>
    <col min="3587" max="3587" width="12.125" style="4" customWidth="1"/>
    <col min="3588" max="3588" width="18.125" style="4" customWidth="1"/>
    <col min="3589" max="3599" width="6.625" style="4" customWidth="1"/>
    <col min="3600" max="3600" width="11.75" style="4" customWidth="1"/>
    <col min="3601" max="3840" width="9" style="4"/>
    <col min="3841" max="3841" width="1.625" style="4" customWidth="1"/>
    <col min="3842" max="3842" width="13.625" style="4" customWidth="1"/>
    <col min="3843" max="3843" width="12.125" style="4" customWidth="1"/>
    <col min="3844" max="3844" width="18.125" style="4" customWidth="1"/>
    <col min="3845" max="3855" width="6.625" style="4" customWidth="1"/>
    <col min="3856" max="3856" width="11.75" style="4" customWidth="1"/>
    <col min="3857" max="4096" width="9" style="4"/>
    <col min="4097" max="4097" width="1.625" style="4" customWidth="1"/>
    <col min="4098" max="4098" width="13.625" style="4" customWidth="1"/>
    <col min="4099" max="4099" width="12.125" style="4" customWidth="1"/>
    <col min="4100" max="4100" width="18.125" style="4" customWidth="1"/>
    <col min="4101" max="4111" width="6.625" style="4" customWidth="1"/>
    <col min="4112" max="4112" width="11.75" style="4" customWidth="1"/>
    <col min="4113" max="4352" width="9" style="4"/>
    <col min="4353" max="4353" width="1.625" style="4" customWidth="1"/>
    <col min="4354" max="4354" width="13.625" style="4" customWidth="1"/>
    <col min="4355" max="4355" width="12.125" style="4" customWidth="1"/>
    <col min="4356" max="4356" width="18.125" style="4" customWidth="1"/>
    <col min="4357" max="4367" width="6.625" style="4" customWidth="1"/>
    <col min="4368" max="4368" width="11.75" style="4" customWidth="1"/>
    <col min="4369" max="4608" width="9" style="4"/>
    <col min="4609" max="4609" width="1.625" style="4" customWidth="1"/>
    <col min="4610" max="4610" width="13.625" style="4" customWidth="1"/>
    <col min="4611" max="4611" width="12.125" style="4" customWidth="1"/>
    <col min="4612" max="4612" width="18.125" style="4" customWidth="1"/>
    <col min="4613" max="4623" width="6.625" style="4" customWidth="1"/>
    <col min="4624" max="4624" width="11.75" style="4" customWidth="1"/>
    <col min="4625" max="4864" width="9" style="4"/>
    <col min="4865" max="4865" width="1.625" style="4" customWidth="1"/>
    <col min="4866" max="4866" width="13.625" style="4" customWidth="1"/>
    <col min="4867" max="4867" width="12.125" style="4" customWidth="1"/>
    <col min="4868" max="4868" width="18.125" style="4" customWidth="1"/>
    <col min="4869" max="4879" width="6.625" style="4" customWidth="1"/>
    <col min="4880" max="4880" width="11.75" style="4" customWidth="1"/>
    <col min="4881" max="5120" width="9" style="4"/>
    <col min="5121" max="5121" width="1.625" style="4" customWidth="1"/>
    <col min="5122" max="5122" width="13.625" style="4" customWidth="1"/>
    <col min="5123" max="5123" width="12.125" style="4" customWidth="1"/>
    <col min="5124" max="5124" width="18.125" style="4" customWidth="1"/>
    <col min="5125" max="5135" width="6.625" style="4" customWidth="1"/>
    <col min="5136" max="5136" width="11.75" style="4" customWidth="1"/>
    <col min="5137" max="5376" width="9" style="4"/>
    <col min="5377" max="5377" width="1.625" style="4" customWidth="1"/>
    <col min="5378" max="5378" width="13.625" style="4" customWidth="1"/>
    <col min="5379" max="5379" width="12.125" style="4" customWidth="1"/>
    <col min="5380" max="5380" width="18.125" style="4" customWidth="1"/>
    <col min="5381" max="5391" width="6.625" style="4" customWidth="1"/>
    <col min="5392" max="5392" width="11.75" style="4" customWidth="1"/>
    <col min="5393" max="5632" width="9" style="4"/>
    <col min="5633" max="5633" width="1.625" style="4" customWidth="1"/>
    <col min="5634" max="5634" width="13.625" style="4" customWidth="1"/>
    <col min="5635" max="5635" width="12.125" style="4" customWidth="1"/>
    <col min="5636" max="5636" width="18.125" style="4" customWidth="1"/>
    <col min="5637" max="5647" width="6.625" style="4" customWidth="1"/>
    <col min="5648" max="5648" width="11.75" style="4" customWidth="1"/>
    <col min="5649" max="5888" width="9" style="4"/>
    <col min="5889" max="5889" width="1.625" style="4" customWidth="1"/>
    <col min="5890" max="5890" width="13.625" style="4" customWidth="1"/>
    <col min="5891" max="5891" width="12.125" style="4" customWidth="1"/>
    <col min="5892" max="5892" width="18.125" style="4" customWidth="1"/>
    <col min="5893" max="5903" width="6.625" style="4" customWidth="1"/>
    <col min="5904" max="5904" width="11.75" style="4" customWidth="1"/>
    <col min="5905" max="6144" width="9" style="4"/>
    <col min="6145" max="6145" width="1.625" style="4" customWidth="1"/>
    <col min="6146" max="6146" width="13.625" style="4" customWidth="1"/>
    <col min="6147" max="6147" width="12.125" style="4" customWidth="1"/>
    <col min="6148" max="6148" width="18.125" style="4" customWidth="1"/>
    <col min="6149" max="6159" width="6.625" style="4" customWidth="1"/>
    <col min="6160" max="6160" width="11.75" style="4" customWidth="1"/>
    <col min="6161" max="6400" width="9" style="4"/>
    <col min="6401" max="6401" width="1.625" style="4" customWidth="1"/>
    <col min="6402" max="6402" width="13.625" style="4" customWidth="1"/>
    <col min="6403" max="6403" width="12.125" style="4" customWidth="1"/>
    <col min="6404" max="6404" width="18.125" style="4" customWidth="1"/>
    <col min="6405" max="6415" width="6.625" style="4" customWidth="1"/>
    <col min="6416" max="6416" width="11.75" style="4" customWidth="1"/>
    <col min="6417" max="6656" width="9" style="4"/>
    <col min="6657" max="6657" width="1.625" style="4" customWidth="1"/>
    <col min="6658" max="6658" width="13.625" style="4" customWidth="1"/>
    <col min="6659" max="6659" width="12.125" style="4" customWidth="1"/>
    <col min="6660" max="6660" width="18.125" style="4" customWidth="1"/>
    <col min="6661" max="6671" width="6.625" style="4" customWidth="1"/>
    <col min="6672" max="6672" width="11.75" style="4" customWidth="1"/>
    <col min="6673" max="6912" width="9" style="4"/>
    <col min="6913" max="6913" width="1.625" style="4" customWidth="1"/>
    <col min="6914" max="6914" width="13.625" style="4" customWidth="1"/>
    <col min="6915" max="6915" width="12.125" style="4" customWidth="1"/>
    <col min="6916" max="6916" width="18.125" style="4" customWidth="1"/>
    <col min="6917" max="6927" width="6.625" style="4" customWidth="1"/>
    <col min="6928" max="6928" width="11.75" style="4" customWidth="1"/>
    <col min="6929" max="7168" width="9" style="4"/>
    <col min="7169" max="7169" width="1.625" style="4" customWidth="1"/>
    <col min="7170" max="7170" width="13.625" style="4" customWidth="1"/>
    <col min="7171" max="7171" width="12.125" style="4" customWidth="1"/>
    <col min="7172" max="7172" width="18.125" style="4" customWidth="1"/>
    <col min="7173" max="7183" width="6.625" style="4" customWidth="1"/>
    <col min="7184" max="7184" width="11.75" style="4" customWidth="1"/>
    <col min="7185" max="7424" width="9" style="4"/>
    <col min="7425" max="7425" width="1.625" style="4" customWidth="1"/>
    <col min="7426" max="7426" width="13.625" style="4" customWidth="1"/>
    <col min="7427" max="7427" width="12.125" style="4" customWidth="1"/>
    <col min="7428" max="7428" width="18.125" style="4" customWidth="1"/>
    <col min="7429" max="7439" width="6.625" style="4" customWidth="1"/>
    <col min="7440" max="7440" width="11.75" style="4" customWidth="1"/>
    <col min="7441" max="7680" width="9" style="4"/>
    <col min="7681" max="7681" width="1.625" style="4" customWidth="1"/>
    <col min="7682" max="7682" width="13.625" style="4" customWidth="1"/>
    <col min="7683" max="7683" width="12.125" style="4" customWidth="1"/>
    <col min="7684" max="7684" width="18.125" style="4" customWidth="1"/>
    <col min="7685" max="7695" width="6.625" style="4" customWidth="1"/>
    <col min="7696" max="7696" width="11.75" style="4" customWidth="1"/>
    <col min="7697" max="7936" width="9" style="4"/>
    <col min="7937" max="7937" width="1.625" style="4" customWidth="1"/>
    <col min="7938" max="7938" width="13.625" style="4" customWidth="1"/>
    <col min="7939" max="7939" width="12.125" style="4" customWidth="1"/>
    <col min="7940" max="7940" width="18.125" style="4" customWidth="1"/>
    <col min="7941" max="7951" width="6.625" style="4" customWidth="1"/>
    <col min="7952" max="7952" width="11.75" style="4" customWidth="1"/>
    <col min="7953" max="8192" width="9" style="4"/>
    <col min="8193" max="8193" width="1.625" style="4" customWidth="1"/>
    <col min="8194" max="8194" width="13.625" style="4" customWidth="1"/>
    <col min="8195" max="8195" width="12.125" style="4" customWidth="1"/>
    <col min="8196" max="8196" width="18.125" style="4" customWidth="1"/>
    <col min="8197" max="8207" width="6.625" style="4" customWidth="1"/>
    <col min="8208" max="8208" width="11.75" style="4" customWidth="1"/>
    <col min="8209" max="8448" width="9" style="4"/>
    <col min="8449" max="8449" width="1.625" style="4" customWidth="1"/>
    <col min="8450" max="8450" width="13.625" style="4" customWidth="1"/>
    <col min="8451" max="8451" width="12.125" style="4" customWidth="1"/>
    <col min="8452" max="8452" width="18.125" style="4" customWidth="1"/>
    <col min="8453" max="8463" width="6.625" style="4" customWidth="1"/>
    <col min="8464" max="8464" width="11.75" style="4" customWidth="1"/>
    <col min="8465" max="8704" width="9" style="4"/>
    <col min="8705" max="8705" width="1.625" style="4" customWidth="1"/>
    <col min="8706" max="8706" width="13.625" style="4" customWidth="1"/>
    <col min="8707" max="8707" width="12.125" style="4" customWidth="1"/>
    <col min="8708" max="8708" width="18.125" style="4" customWidth="1"/>
    <col min="8709" max="8719" width="6.625" style="4" customWidth="1"/>
    <col min="8720" max="8720" width="11.75" style="4" customWidth="1"/>
    <col min="8721" max="8960" width="9" style="4"/>
    <col min="8961" max="8961" width="1.625" style="4" customWidth="1"/>
    <col min="8962" max="8962" width="13.625" style="4" customWidth="1"/>
    <col min="8963" max="8963" width="12.125" style="4" customWidth="1"/>
    <col min="8964" max="8964" width="18.125" style="4" customWidth="1"/>
    <col min="8965" max="8975" width="6.625" style="4" customWidth="1"/>
    <col min="8976" max="8976" width="11.75" style="4" customWidth="1"/>
    <col min="8977" max="9216" width="9" style="4"/>
    <col min="9217" max="9217" width="1.625" style="4" customWidth="1"/>
    <col min="9218" max="9218" width="13.625" style="4" customWidth="1"/>
    <col min="9219" max="9219" width="12.125" style="4" customWidth="1"/>
    <col min="9220" max="9220" width="18.125" style="4" customWidth="1"/>
    <col min="9221" max="9231" width="6.625" style="4" customWidth="1"/>
    <col min="9232" max="9232" width="11.75" style="4" customWidth="1"/>
    <col min="9233" max="9472" width="9" style="4"/>
    <col min="9473" max="9473" width="1.625" style="4" customWidth="1"/>
    <col min="9474" max="9474" width="13.625" style="4" customWidth="1"/>
    <col min="9475" max="9475" width="12.125" style="4" customWidth="1"/>
    <col min="9476" max="9476" width="18.125" style="4" customWidth="1"/>
    <col min="9477" max="9487" width="6.625" style="4" customWidth="1"/>
    <col min="9488" max="9488" width="11.75" style="4" customWidth="1"/>
    <col min="9489" max="9728" width="9" style="4"/>
    <col min="9729" max="9729" width="1.625" style="4" customWidth="1"/>
    <col min="9730" max="9730" width="13.625" style="4" customWidth="1"/>
    <col min="9731" max="9731" width="12.125" style="4" customWidth="1"/>
    <col min="9732" max="9732" width="18.125" style="4" customWidth="1"/>
    <col min="9733" max="9743" width="6.625" style="4" customWidth="1"/>
    <col min="9744" max="9744" width="11.75" style="4" customWidth="1"/>
    <col min="9745" max="9984" width="9" style="4"/>
    <col min="9985" max="9985" width="1.625" style="4" customWidth="1"/>
    <col min="9986" max="9986" width="13.625" style="4" customWidth="1"/>
    <col min="9987" max="9987" width="12.125" style="4" customWidth="1"/>
    <col min="9988" max="9988" width="18.125" style="4" customWidth="1"/>
    <col min="9989" max="9999" width="6.625" style="4" customWidth="1"/>
    <col min="10000" max="10000" width="11.75" style="4" customWidth="1"/>
    <col min="10001" max="10240" width="9" style="4"/>
    <col min="10241" max="10241" width="1.625" style="4" customWidth="1"/>
    <col min="10242" max="10242" width="13.625" style="4" customWidth="1"/>
    <col min="10243" max="10243" width="12.125" style="4" customWidth="1"/>
    <col min="10244" max="10244" width="18.125" style="4" customWidth="1"/>
    <col min="10245" max="10255" width="6.625" style="4" customWidth="1"/>
    <col min="10256" max="10256" width="11.75" style="4" customWidth="1"/>
    <col min="10257" max="10496" width="9" style="4"/>
    <col min="10497" max="10497" width="1.625" style="4" customWidth="1"/>
    <col min="10498" max="10498" width="13.625" style="4" customWidth="1"/>
    <col min="10499" max="10499" width="12.125" style="4" customWidth="1"/>
    <col min="10500" max="10500" width="18.125" style="4" customWidth="1"/>
    <col min="10501" max="10511" width="6.625" style="4" customWidth="1"/>
    <col min="10512" max="10512" width="11.75" style="4" customWidth="1"/>
    <col min="10513" max="10752" width="9" style="4"/>
    <col min="10753" max="10753" width="1.625" style="4" customWidth="1"/>
    <col min="10754" max="10754" width="13.625" style="4" customWidth="1"/>
    <col min="10755" max="10755" width="12.125" style="4" customWidth="1"/>
    <col min="10756" max="10756" width="18.125" style="4" customWidth="1"/>
    <col min="10757" max="10767" width="6.625" style="4" customWidth="1"/>
    <col min="10768" max="10768" width="11.75" style="4" customWidth="1"/>
    <col min="10769" max="11008" width="9" style="4"/>
    <col min="11009" max="11009" width="1.625" style="4" customWidth="1"/>
    <col min="11010" max="11010" width="13.625" style="4" customWidth="1"/>
    <col min="11011" max="11011" width="12.125" style="4" customWidth="1"/>
    <col min="11012" max="11012" width="18.125" style="4" customWidth="1"/>
    <col min="11013" max="11023" width="6.625" style="4" customWidth="1"/>
    <col min="11024" max="11024" width="11.75" style="4" customWidth="1"/>
    <col min="11025" max="11264" width="9" style="4"/>
    <col min="11265" max="11265" width="1.625" style="4" customWidth="1"/>
    <col min="11266" max="11266" width="13.625" style="4" customWidth="1"/>
    <col min="11267" max="11267" width="12.125" style="4" customWidth="1"/>
    <col min="11268" max="11268" width="18.125" style="4" customWidth="1"/>
    <col min="11269" max="11279" width="6.625" style="4" customWidth="1"/>
    <col min="11280" max="11280" width="11.75" style="4" customWidth="1"/>
    <col min="11281" max="11520" width="9" style="4"/>
    <col min="11521" max="11521" width="1.625" style="4" customWidth="1"/>
    <col min="11522" max="11522" width="13.625" style="4" customWidth="1"/>
    <col min="11523" max="11523" width="12.125" style="4" customWidth="1"/>
    <col min="11524" max="11524" width="18.125" style="4" customWidth="1"/>
    <col min="11525" max="11535" width="6.625" style="4" customWidth="1"/>
    <col min="11536" max="11536" width="11.75" style="4" customWidth="1"/>
    <col min="11537" max="11776" width="9" style="4"/>
    <col min="11777" max="11777" width="1.625" style="4" customWidth="1"/>
    <col min="11778" max="11778" width="13.625" style="4" customWidth="1"/>
    <col min="11779" max="11779" width="12.125" style="4" customWidth="1"/>
    <col min="11780" max="11780" width="18.125" style="4" customWidth="1"/>
    <col min="11781" max="11791" width="6.625" style="4" customWidth="1"/>
    <col min="11792" max="11792" width="11.75" style="4" customWidth="1"/>
    <col min="11793" max="12032" width="9" style="4"/>
    <col min="12033" max="12033" width="1.625" style="4" customWidth="1"/>
    <col min="12034" max="12034" width="13.625" style="4" customWidth="1"/>
    <col min="12035" max="12035" width="12.125" style="4" customWidth="1"/>
    <col min="12036" max="12036" width="18.125" style="4" customWidth="1"/>
    <col min="12037" max="12047" width="6.625" style="4" customWidth="1"/>
    <col min="12048" max="12048" width="11.75" style="4" customWidth="1"/>
    <col min="12049" max="12288" width="9" style="4"/>
    <col min="12289" max="12289" width="1.625" style="4" customWidth="1"/>
    <col min="12290" max="12290" width="13.625" style="4" customWidth="1"/>
    <col min="12291" max="12291" width="12.125" style="4" customWidth="1"/>
    <col min="12292" max="12292" width="18.125" style="4" customWidth="1"/>
    <col min="12293" max="12303" width="6.625" style="4" customWidth="1"/>
    <col min="12304" max="12304" width="11.75" style="4" customWidth="1"/>
    <col min="12305" max="12544" width="9" style="4"/>
    <col min="12545" max="12545" width="1.625" style="4" customWidth="1"/>
    <col min="12546" max="12546" width="13.625" style="4" customWidth="1"/>
    <col min="12547" max="12547" width="12.125" style="4" customWidth="1"/>
    <col min="12548" max="12548" width="18.125" style="4" customWidth="1"/>
    <col min="12549" max="12559" width="6.625" style="4" customWidth="1"/>
    <col min="12560" max="12560" width="11.75" style="4" customWidth="1"/>
    <col min="12561" max="12800" width="9" style="4"/>
    <col min="12801" max="12801" width="1.625" style="4" customWidth="1"/>
    <col min="12802" max="12802" width="13.625" style="4" customWidth="1"/>
    <col min="12803" max="12803" width="12.125" style="4" customWidth="1"/>
    <col min="12804" max="12804" width="18.125" style="4" customWidth="1"/>
    <col min="12805" max="12815" width="6.625" style="4" customWidth="1"/>
    <col min="12816" max="12816" width="11.75" style="4" customWidth="1"/>
    <col min="12817" max="13056" width="9" style="4"/>
    <col min="13057" max="13057" width="1.625" style="4" customWidth="1"/>
    <col min="13058" max="13058" width="13.625" style="4" customWidth="1"/>
    <col min="13059" max="13059" width="12.125" style="4" customWidth="1"/>
    <col min="13060" max="13060" width="18.125" style="4" customWidth="1"/>
    <col min="13061" max="13071" width="6.625" style="4" customWidth="1"/>
    <col min="13072" max="13072" width="11.75" style="4" customWidth="1"/>
    <col min="13073" max="13312" width="9" style="4"/>
    <col min="13313" max="13313" width="1.625" style="4" customWidth="1"/>
    <col min="13314" max="13314" width="13.625" style="4" customWidth="1"/>
    <col min="13315" max="13315" width="12.125" style="4" customWidth="1"/>
    <col min="13316" max="13316" width="18.125" style="4" customWidth="1"/>
    <col min="13317" max="13327" width="6.625" style="4" customWidth="1"/>
    <col min="13328" max="13328" width="11.75" style="4" customWidth="1"/>
    <col min="13329" max="13568" width="9" style="4"/>
    <col min="13569" max="13569" width="1.625" style="4" customWidth="1"/>
    <col min="13570" max="13570" width="13.625" style="4" customWidth="1"/>
    <col min="13571" max="13571" width="12.125" style="4" customWidth="1"/>
    <col min="13572" max="13572" width="18.125" style="4" customWidth="1"/>
    <col min="13573" max="13583" width="6.625" style="4" customWidth="1"/>
    <col min="13584" max="13584" width="11.75" style="4" customWidth="1"/>
    <col min="13585" max="13824" width="9" style="4"/>
    <col min="13825" max="13825" width="1.625" style="4" customWidth="1"/>
    <col min="13826" max="13826" width="13.625" style="4" customWidth="1"/>
    <col min="13827" max="13827" width="12.125" style="4" customWidth="1"/>
    <col min="13828" max="13828" width="18.125" style="4" customWidth="1"/>
    <col min="13829" max="13839" width="6.625" style="4" customWidth="1"/>
    <col min="13840" max="13840" width="11.75" style="4" customWidth="1"/>
    <col min="13841" max="14080" width="9" style="4"/>
    <col min="14081" max="14081" width="1.625" style="4" customWidth="1"/>
    <col min="14082" max="14082" width="13.625" style="4" customWidth="1"/>
    <col min="14083" max="14083" width="12.125" style="4" customWidth="1"/>
    <col min="14084" max="14084" width="18.125" style="4" customWidth="1"/>
    <col min="14085" max="14095" width="6.625" style="4" customWidth="1"/>
    <col min="14096" max="14096" width="11.75" style="4" customWidth="1"/>
    <col min="14097" max="14336" width="9" style="4"/>
    <col min="14337" max="14337" width="1.625" style="4" customWidth="1"/>
    <col min="14338" max="14338" width="13.625" style="4" customWidth="1"/>
    <col min="14339" max="14339" width="12.125" style="4" customWidth="1"/>
    <col min="14340" max="14340" width="18.125" style="4" customWidth="1"/>
    <col min="14341" max="14351" width="6.625" style="4" customWidth="1"/>
    <col min="14352" max="14352" width="11.75" style="4" customWidth="1"/>
    <col min="14353" max="14592" width="9" style="4"/>
    <col min="14593" max="14593" width="1.625" style="4" customWidth="1"/>
    <col min="14594" max="14594" width="13.625" style="4" customWidth="1"/>
    <col min="14595" max="14595" width="12.125" style="4" customWidth="1"/>
    <col min="14596" max="14596" width="18.125" style="4" customWidth="1"/>
    <col min="14597" max="14607" width="6.625" style="4" customWidth="1"/>
    <col min="14608" max="14608" width="11.75" style="4" customWidth="1"/>
    <col min="14609" max="14848" width="9" style="4"/>
    <col min="14849" max="14849" width="1.625" style="4" customWidth="1"/>
    <col min="14850" max="14850" width="13.625" style="4" customWidth="1"/>
    <col min="14851" max="14851" width="12.125" style="4" customWidth="1"/>
    <col min="14852" max="14852" width="18.125" style="4" customWidth="1"/>
    <col min="14853" max="14863" width="6.625" style="4" customWidth="1"/>
    <col min="14864" max="14864" width="11.75" style="4" customWidth="1"/>
    <col min="14865" max="15104" width="9" style="4"/>
    <col min="15105" max="15105" width="1.625" style="4" customWidth="1"/>
    <col min="15106" max="15106" width="13.625" style="4" customWidth="1"/>
    <col min="15107" max="15107" width="12.125" style="4" customWidth="1"/>
    <col min="15108" max="15108" width="18.125" style="4" customWidth="1"/>
    <col min="15109" max="15119" width="6.625" style="4" customWidth="1"/>
    <col min="15120" max="15120" width="11.75" style="4" customWidth="1"/>
    <col min="15121" max="15360" width="9" style="4"/>
    <col min="15361" max="15361" width="1.625" style="4" customWidth="1"/>
    <col min="15362" max="15362" width="13.625" style="4" customWidth="1"/>
    <col min="15363" max="15363" width="12.125" style="4" customWidth="1"/>
    <col min="15364" max="15364" width="18.125" style="4" customWidth="1"/>
    <col min="15365" max="15375" width="6.625" style="4" customWidth="1"/>
    <col min="15376" max="15376" width="11.75" style="4" customWidth="1"/>
    <col min="15377" max="15616" width="9" style="4"/>
    <col min="15617" max="15617" width="1.625" style="4" customWidth="1"/>
    <col min="15618" max="15618" width="13.625" style="4" customWidth="1"/>
    <col min="15619" max="15619" width="12.125" style="4" customWidth="1"/>
    <col min="15620" max="15620" width="18.125" style="4" customWidth="1"/>
    <col min="15621" max="15631" width="6.625" style="4" customWidth="1"/>
    <col min="15632" max="15632" width="11.75" style="4" customWidth="1"/>
    <col min="15633" max="15872" width="9" style="4"/>
    <col min="15873" max="15873" width="1.625" style="4" customWidth="1"/>
    <col min="15874" max="15874" width="13.625" style="4" customWidth="1"/>
    <col min="15875" max="15875" width="12.125" style="4" customWidth="1"/>
    <col min="15876" max="15876" width="18.125" style="4" customWidth="1"/>
    <col min="15877" max="15887" width="6.625" style="4" customWidth="1"/>
    <col min="15888" max="15888" width="11.75" style="4" customWidth="1"/>
    <col min="15889" max="16128" width="9" style="4"/>
    <col min="16129" max="16129" width="1.625" style="4" customWidth="1"/>
    <col min="16130" max="16130" width="13.625" style="4" customWidth="1"/>
    <col min="16131" max="16131" width="12.125" style="4" customWidth="1"/>
    <col min="16132" max="16132" width="18.125" style="4" customWidth="1"/>
    <col min="16133" max="16143" width="6.625" style="4" customWidth="1"/>
    <col min="16144" max="16144" width="11.75" style="4" customWidth="1"/>
    <col min="16145" max="16384" width="9" style="4"/>
  </cols>
  <sheetData>
    <row r="1" spans="1:17" ht="21" customHeight="1">
      <c r="O1" s="117" t="s">
        <v>264</v>
      </c>
    </row>
    <row r="2" spans="1:17" ht="21" customHeight="1">
      <c r="A2" s="337" t="s">
        <v>265</v>
      </c>
      <c r="B2" s="337"/>
      <c r="C2" s="337"/>
      <c r="D2" s="337"/>
      <c r="E2" s="337"/>
      <c r="F2" s="337"/>
      <c r="G2" s="337"/>
      <c r="H2" s="337"/>
      <c r="I2" s="337"/>
      <c r="J2" s="337"/>
      <c r="K2" s="337"/>
      <c r="L2" s="337"/>
      <c r="M2" s="337"/>
      <c r="N2" s="337"/>
      <c r="O2" s="337"/>
      <c r="P2" s="337"/>
      <c r="Q2" s="337"/>
    </row>
    <row r="3" spans="1:17" ht="19.5" customHeight="1">
      <c r="B3" s="25" t="s">
        <v>236</v>
      </c>
      <c r="C3" s="25"/>
      <c r="F3" s="30"/>
    </row>
    <row r="4" spans="1:17" ht="19.5" customHeight="1">
      <c r="M4" s="31" t="s">
        <v>266</v>
      </c>
    </row>
    <row r="5" spans="1:17" ht="19.5" customHeight="1">
      <c r="K5" s="321" t="s">
        <v>100</v>
      </c>
      <c r="L5" s="322"/>
      <c r="M5" s="321"/>
      <c r="N5" s="271"/>
      <c r="O5" s="271"/>
      <c r="P5" s="322"/>
    </row>
    <row r="6" spans="1:17" ht="18.75" customHeight="1">
      <c r="A6" s="4" t="s">
        <v>237</v>
      </c>
    </row>
    <row r="7" spans="1:17" ht="10.5" customHeight="1"/>
    <row r="8" spans="1:17" ht="30" customHeight="1">
      <c r="B8" s="310"/>
      <c r="C8" s="338"/>
      <c r="D8" s="311"/>
      <c r="E8" s="32" t="s">
        <v>153</v>
      </c>
      <c r="F8" s="32" t="s">
        <v>267</v>
      </c>
      <c r="G8" s="32" t="s">
        <v>267</v>
      </c>
      <c r="H8" s="238" t="s">
        <v>113</v>
      </c>
      <c r="I8" s="318"/>
      <c r="J8" s="49"/>
      <c r="K8" s="49"/>
      <c r="L8" s="49"/>
      <c r="M8" s="49"/>
      <c r="N8" s="49"/>
      <c r="O8" s="49"/>
      <c r="P8" s="49"/>
    </row>
    <row r="9" spans="1:17" ht="30" customHeight="1">
      <c r="B9" s="310" t="s">
        <v>114</v>
      </c>
      <c r="C9" s="338"/>
      <c r="D9" s="311"/>
      <c r="E9" s="34"/>
      <c r="F9" s="34"/>
      <c r="G9" s="34"/>
      <c r="H9" s="323"/>
      <c r="I9" s="324"/>
    </row>
    <row r="10" spans="1:17" ht="30" customHeight="1">
      <c r="B10" s="310" t="s">
        <v>115</v>
      </c>
      <c r="C10" s="338"/>
      <c r="D10" s="311"/>
      <c r="E10" s="34"/>
      <c r="F10" s="34"/>
      <c r="G10" s="34"/>
      <c r="H10" s="325"/>
      <c r="I10" s="326"/>
    </row>
    <row r="11" spans="1:17" ht="27.75" customHeight="1">
      <c r="B11" s="310" t="s">
        <v>116</v>
      </c>
      <c r="C11" s="338"/>
      <c r="D11" s="311"/>
      <c r="E11" s="50" t="e">
        <f>ROUNDDOWN(E9/E10,1)</f>
        <v>#DIV/0!</v>
      </c>
      <c r="F11" s="50" t="e">
        <f>ROUNDDOWN(F9/F10,1)</f>
        <v>#DIV/0!</v>
      </c>
      <c r="G11" s="50" t="e">
        <f>ROUNDDOWN(G9/G10,1)</f>
        <v>#DIV/0!</v>
      </c>
      <c r="H11" s="327" t="e">
        <f>ROUNDDOWN(SUM(E11:G11)/3,1)</f>
        <v>#DIV/0!</v>
      </c>
      <c r="I11" s="328"/>
    </row>
    <row r="12" spans="1:17" ht="16.5" customHeight="1">
      <c r="A12" s="4" t="s">
        <v>238</v>
      </c>
      <c r="B12" s="36"/>
      <c r="C12" s="36"/>
      <c r="D12" s="36"/>
    </row>
    <row r="13" spans="1:17" ht="16.5" customHeight="1">
      <c r="A13" s="4" t="s">
        <v>239</v>
      </c>
      <c r="B13" s="36"/>
      <c r="C13" s="36"/>
      <c r="D13" s="36"/>
    </row>
    <row r="14" spans="1:17" ht="16.5" customHeight="1">
      <c r="A14" s="4" t="s">
        <v>240</v>
      </c>
      <c r="B14" s="36"/>
      <c r="C14" s="36"/>
      <c r="D14" s="36"/>
    </row>
    <row r="15" spans="1:17" ht="6" customHeight="1"/>
    <row r="16" spans="1:17" ht="16.5" customHeight="1">
      <c r="A16" s="4" t="s">
        <v>119</v>
      </c>
    </row>
    <row r="17" spans="1:16" ht="6" customHeight="1"/>
    <row r="18" spans="1:16" ht="16.5" customHeight="1">
      <c r="B18" s="37" t="s">
        <v>120</v>
      </c>
      <c r="C18" s="38"/>
      <c r="D18" s="38"/>
      <c r="E18" s="38"/>
      <c r="F18" s="38"/>
      <c r="G18" s="38"/>
      <c r="H18" s="38"/>
      <c r="I18" s="38"/>
      <c r="J18" s="38"/>
      <c r="K18" s="39"/>
    </row>
    <row r="19" spans="1:16" ht="16.5" customHeight="1">
      <c r="B19" s="40" t="s">
        <v>121</v>
      </c>
      <c r="K19" s="41"/>
    </row>
    <row r="20" spans="1:16" ht="4.5" customHeight="1">
      <c r="B20" s="40"/>
      <c r="K20" s="41"/>
    </row>
    <row r="21" spans="1:16" ht="16.5" customHeight="1">
      <c r="B21" s="40" t="s">
        <v>122</v>
      </c>
      <c r="K21" s="41"/>
    </row>
    <row r="22" spans="1:16" ht="16.5" customHeight="1">
      <c r="B22" s="42" t="s">
        <v>123</v>
      </c>
      <c r="C22" s="43"/>
      <c r="D22" s="43"/>
      <c r="E22" s="43"/>
      <c r="F22" s="43"/>
      <c r="G22" s="43"/>
      <c r="H22" s="43"/>
      <c r="I22" s="43"/>
      <c r="J22" s="43"/>
      <c r="K22" s="44"/>
    </row>
    <row r="23" spans="1:16" ht="16.5" customHeight="1"/>
    <row r="24" spans="1:16" ht="18.75" customHeight="1">
      <c r="A24" s="4" t="s">
        <v>241</v>
      </c>
    </row>
    <row r="25" spans="1:16" ht="10.5" customHeight="1"/>
    <row r="26" spans="1:16" ht="30" customHeight="1">
      <c r="B26" s="45" t="s">
        <v>242</v>
      </c>
      <c r="C26" s="46" t="s">
        <v>243</v>
      </c>
      <c r="D26" s="45" t="s">
        <v>244</v>
      </c>
      <c r="E26" s="33" t="s">
        <v>156</v>
      </c>
      <c r="F26" s="33" t="s">
        <v>156</v>
      </c>
      <c r="G26" s="33" t="s">
        <v>156</v>
      </c>
      <c r="H26" s="238" t="s">
        <v>245</v>
      </c>
      <c r="I26" s="331"/>
      <c r="J26" s="40"/>
    </row>
    <row r="27" spans="1:16" ht="21" customHeight="1">
      <c r="B27" s="34"/>
      <c r="C27" s="47"/>
      <c r="D27" s="34" t="s">
        <v>246</v>
      </c>
      <c r="E27" s="34"/>
      <c r="F27" s="34"/>
      <c r="G27" s="34"/>
      <c r="H27" s="329"/>
      <c r="I27" s="330"/>
      <c r="J27" s="40"/>
      <c r="P27" s="51"/>
    </row>
    <row r="28" spans="1:16" ht="21" customHeight="1">
      <c r="B28" s="34"/>
      <c r="C28" s="47"/>
      <c r="D28" s="34" t="s">
        <v>246</v>
      </c>
      <c r="E28" s="34"/>
      <c r="F28" s="34"/>
      <c r="G28" s="34"/>
      <c r="H28" s="329"/>
      <c r="I28" s="330"/>
      <c r="J28" s="40"/>
      <c r="P28" s="51"/>
    </row>
    <row r="29" spans="1:16" ht="21" customHeight="1">
      <c r="B29" s="34"/>
      <c r="C29" s="47"/>
      <c r="D29" s="34" t="s">
        <v>246</v>
      </c>
      <c r="E29" s="34"/>
      <c r="F29" s="34"/>
      <c r="G29" s="34"/>
      <c r="H29" s="329"/>
      <c r="I29" s="330"/>
      <c r="J29" s="40"/>
      <c r="P29" s="51"/>
    </row>
    <row r="30" spans="1:16" ht="21" customHeight="1">
      <c r="B30" s="34"/>
      <c r="C30" s="47"/>
      <c r="D30" s="34" t="s">
        <v>246</v>
      </c>
      <c r="E30" s="34"/>
      <c r="F30" s="34"/>
      <c r="G30" s="34"/>
      <c r="H30" s="329"/>
      <c r="I30" s="330"/>
      <c r="J30" s="40"/>
      <c r="P30" s="51"/>
    </row>
    <row r="31" spans="1:16" ht="21" customHeight="1">
      <c r="B31" s="34"/>
      <c r="C31" s="118"/>
      <c r="D31" s="34" t="s">
        <v>246</v>
      </c>
      <c r="E31" s="34"/>
      <c r="F31" s="34"/>
      <c r="G31" s="34"/>
      <c r="H31" s="329"/>
      <c r="I31" s="330"/>
      <c r="J31" s="40"/>
      <c r="P31" s="51"/>
    </row>
    <row r="32" spans="1:16" ht="21" customHeight="1">
      <c r="B32" s="34"/>
      <c r="C32" s="47"/>
      <c r="D32" s="34" t="s">
        <v>246</v>
      </c>
      <c r="E32" s="34"/>
      <c r="F32" s="34"/>
      <c r="G32" s="34"/>
      <c r="H32" s="329"/>
      <c r="I32" s="330"/>
      <c r="J32" s="40"/>
      <c r="P32" s="51"/>
    </row>
    <row r="33" spans="1:16" ht="21" customHeight="1">
      <c r="B33" s="34"/>
      <c r="C33" s="47"/>
      <c r="D33" s="34" t="s">
        <v>246</v>
      </c>
      <c r="E33" s="34"/>
      <c r="F33" s="34"/>
      <c r="G33" s="34"/>
      <c r="H33" s="329"/>
      <c r="I33" s="330"/>
      <c r="J33" s="40"/>
      <c r="P33" s="51"/>
    </row>
    <row r="34" spans="1:16" ht="21" customHeight="1">
      <c r="B34" s="34"/>
      <c r="C34" s="47"/>
      <c r="D34" s="34" t="s">
        <v>246</v>
      </c>
      <c r="E34" s="34"/>
      <c r="F34" s="34"/>
      <c r="G34" s="34"/>
      <c r="H34" s="329"/>
      <c r="I34" s="330"/>
      <c r="J34" s="40"/>
      <c r="P34" s="51"/>
    </row>
    <row r="35" spans="1:16" ht="21" customHeight="1">
      <c r="B35" s="34"/>
      <c r="C35" s="47"/>
      <c r="D35" s="34" t="s">
        <v>246</v>
      </c>
      <c r="E35" s="34"/>
      <c r="F35" s="34"/>
      <c r="G35" s="34"/>
      <c r="H35" s="329"/>
      <c r="I35" s="330"/>
      <c r="J35" s="40"/>
      <c r="P35" s="51"/>
    </row>
    <row r="36" spans="1:16" ht="21" customHeight="1">
      <c r="B36" s="34"/>
      <c r="C36" s="47"/>
      <c r="D36" s="34" t="s">
        <v>246</v>
      </c>
      <c r="E36" s="34"/>
      <c r="F36" s="34"/>
      <c r="G36" s="34"/>
      <c r="H36" s="329"/>
      <c r="I36" s="330"/>
      <c r="J36" s="40"/>
      <c r="P36" s="51"/>
    </row>
    <row r="37" spans="1:16" ht="21" customHeight="1">
      <c r="B37" s="34"/>
      <c r="C37" s="47"/>
      <c r="D37" s="34" t="s">
        <v>246</v>
      </c>
      <c r="E37" s="34"/>
      <c r="F37" s="34"/>
      <c r="G37" s="34"/>
      <c r="H37" s="329"/>
      <c r="I37" s="330"/>
      <c r="J37" s="40"/>
      <c r="P37" s="51"/>
    </row>
    <row r="38" spans="1:16" ht="21" customHeight="1">
      <c r="B38" s="238" t="s">
        <v>75</v>
      </c>
      <c r="C38" s="331"/>
      <c r="D38" s="318"/>
      <c r="E38" s="35">
        <f>SUM(E27:E37)</f>
        <v>0</v>
      </c>
      <c r="F38" s="35">
        <f>SUM(F27:F37)</f>
        <v>0</v>
      </c>
      <c r="G38" s="35">
        <f>SUM(G27:G37)</f>
        <v>0</v>
      </c>
      <c r="H38" s="332" t="s">
        <v>139</v>
      </c>
      <c r="I38" s="333"/>
      <c r="J38" s="40"/>
    </row>
    <row r="39" spans="1:16" ht="30" customHeight="1">
      <c r="B39" s="310" t="s">
        <v>115</v>
      </c>
      <c r="C39" s="338"/>
      <c r="D39" s="311"/>
      <c r="E39" s="35">
        <f>E10</f>
        <v>0</v>
      </c>
      <c r="F39" s="35">
        <f>F10</f>
        <v>0</v>
      </c>
      <c r="G39" s="35">
        <f>G10</f>
        <v>0</v>
      </c>
      <c r="H39" s="334"/>
      <c r="I39" s="335"/>
      <c r="J39" s="40"/>
    </row>
    <row r="40" spans="1:16" ht="30" customHeight="1">
      <c r="B40" s="310" t="s">
        <v>116</v>
      </c>
      <c r="C40" s="338"/>
      <c r="D40" s="311"/>
      <c r="E40" s="50" t="e">
        <f>ROUNDDOWN(E38/E39,1)</f>
        <v>#DIV/0!</v>
      </c>
      <c r="F40" s="50" t="e">
        <f>ROUNDDOWN(F38/F39,1)</f>
        <v>#DIV/0!</v>
      </c>
      <c r="G40" s="50" t="e">
        <f>ROUNDDOWN(G38/G39,1)</f>
        <v>#DIV/0!</v>
      </c>
      <c r="H40" s="327" t="e">
        <f>ROUNDDOWN(SUM(E40:G40)/3,1)</f>
        <v>#DIV/0!</v>
      </c>
      <c r="I40" s="336"/>
      <c r="J40" s="40"/>
    </row>
    <row r="41" spans="1:16" ht="16.5" customHeight="1">
      <c r="A41" s="4" t="s">
        <v>247</v>
      </c>
    </row>
    <row r="42" spans="1:16" ht="16.5" customHeight="1">
      <c r="A42" s="4" t="s">
        <v>248</v>
      </c>
    </row>
    <row r="43" spans="1:16" ht="16.5" customHeight="1">
      <c r="A43" s="4" t="s">
        <v>249</v>
      </c>
    </row>
    <row r="44" spans="1:16" ht="17.25" customHeight="1">
      <c r="A44" s="4" t="s">
        <v>252</v>
      </c>
      <c r="B44" s="117"/>
    </row>
    <row r="45" spans="1:16" ht="17.25" customHeight="1">
      <c r="A45" s="4" t="s">
        <v>253</v>
      </c>
      <c r="B45" s="117"/>
    </row>
    <row r="46" spans="1:16" ht="17.25" customHeight="1">
      <c r="A46" s="4" t="s">
        <v>254</v>
      </c>
      <c r="B46" s="117"/>
    </row>
    <row r="47" spans="1:16" ht="17.25" customHeight="1">
      <c r="A47" s="4" t="s">
        <v>255</v>
      </c>
      <c r="B47" s="117"/>
    </row>
    <row r="48" spans="1:16" ht="18" customHeight="1">
      <c r="A48" s="4" t="s">
        <v>256</v>
      </c>
    </row>
    <row r="49" spans="1:1" ht="18" customHeight="1">
      <c r="A49" s="4" t="s">
        <v>257</v>
      </c>
    </row>
    <row r="50" spans="1:1" ht="18" customHeight="1">
      <c r="A50" s="4" t="s">
        <v>258</v>
      </c>
    </row>
    <row r="51" spans="1:1" ht="18" customHeight="1">
      <c r="A51" s="4" t="s">
        <v>259</v>
      </c>
    </row>
    <row r="52" spans="1:1" ht="16.5" customHeight="1">
      <c r="A52" s="4" t="s">
        <v>260</v>
      </c>
    </row>
    <row r="53" spans="1:1" ht="16.5" customHeight="1">
      <c r="A53" s="4" t="s">
        <v>261</v>
      </c>
    </row>
    <row r="54" spans="1:1" ht="16.5" customHeight="1"/>
    <row r="55" spans="1:1" ht="18" customHeight="1">
      <c r="A55" s="4" t="s">
        <v>149</v>
      </c>
    </row>
    <row r="56" spans="1:1" ht="6.75" customHeight="1"/>
  </sheetData>
  <mergeCells count="27">
    <mergeCell ref="B40:D40"/>
    <mergeCell ref="H40:I40"/>
    <mergeCell ref="H30:I30"/>
    <mergeCell ref="H31:I31"/>
    <mergeCell ref="H32:I32"/>
    <mergeCell ref="H33:I33"/>
    <mergeCell ref="H34:I34"/>
    <mergeCell ref="H35:I35"/>
    <mergeCell ref="H36:I36"/>
    <mergeCell ref="H37:I37"/>
    <mergeCell ref="B38:D38"/>
    <mergeCell ref="H38:I39"/>
    <mergeCell ref="B39:D39"/>
    <mergeCell ref="H29:I29"/>
    <mergeCell ref="A2:Q2"/>
    <mergeCell ref="K5:L5"/>
    <mergeCell ref="M5:P5"/>
    <mergeCell ref="B8:D8"/>
    <mergeCell ref="H8:I8"/>
    <mergeCell ref="B9:D9"/>
    <mergeCell ref="H9:I10"/>
    <mergeCell ref="B10:D10"/>
    <mergeCell ref="B11:D11"/>
    <mergeCell ref="H11:I11"/>
    <mergeCell ref="H26:I26"/>
    <mergeCell ref="H27:I27"/>
    <mergeCell ref="H28:I28"/>
  </mergeCells>
  <phoneticPr fontId="3"/>
  <pageMargins left="0.7" right="0.7" top="0.75" bottom="0.75" header="0.3" footer="0.3"/>
  <pageSetup paperSize="9" scale="68" orientation="portrait" verticalDpi="0" r:id="rId1"/>
  <colBreaks count="1" manualBreakCount="1">
    <brk id="16" max="1048575" man="1"/>
  </colBreaks>
</worksheet>
</file>

<file path=docMetadata/LabelInfo.xml><?xml version="1.0" encoding="utf-8"?>
<clbl:labelList xmlns:clbl="http://schemas.microsoft.com/office/2020/mipLabelMetadata">
  <clbl:label id="{d5d2a240-8397-4433-8b3d-0c8a21ec22c7}" enabled="1" method="Privileged" siteId="{d4c26ad0-31e8-4560-af3c-a7ebcce77bcc}" contentBits="0" removed="0"/>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5</vt:i4>
      </vt:variant>
    </vt:vector>
  </HeadingPairs>
  <TitlesOfParts>
    <vt:vector size="14" baseType="lpstr">
      <vt:lpstr>16-1届出書</vt:lpstr>
      <vt:lpstr>16-2体制要件</vt:lpstr>
      <vt:lpstr>16-3人材要件</vt:lpstr>
      <vt:lpstr>16-4実務経験証明書</vt:lpstr>
      <vt:lpstr>16-6重度要介護者等対応要件</vt:lpstr>
      <vt:lpstr>別紙19-1-1資格者証の割合（前年実績6月以上）</vt:lpstr>
      <vt:lpstr>別紙19-1-2資格者証の割合（前年実績6月未満）</vt:lpstr>
      <vt:lpstr>別紙19-5-1勤続年数（前年実績6月以上）</vt:lpstr>
      <vt:lpstr>別紙19-5-2勤続年数（前年実績6月未満）</vt:lpstr>
      <vt:lpstr>'16-3人材要件'!Print_Area</vt:lpstr>
      <vt:lpstr>'16-4実務経験証明書'!Print_Area</vt:lpstr>
      <vt:lpstr>'16-6重度要介護者等対応要件'!Print_Area</vt:lpstr>
      <vt:lpstr>'別紙19-5-1勤続年数（前年実績6月以上）'!Print_Area</vt:lpstr>
      <vt:lpstr>'別紙19-5-2勤続年数（前年実績6月未満）'!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秋山 仁(akiyama-hitoshi)</dc:creator>
  <cp:lastModifiedBy>兼氏　宙</cp:lastModifiedBy>
  <cp:lastPrinted>2024-03-19T14:19:46Z</cp:lastPrinted>
  <dcterms:created xsi:type="dcterms:W3CDTF">2022-04-25T04:36:36Z</dcterms:created>
  <dcterms:modified xsi:type="dcterms:W3CDTF">2026-01-06T00:49:09Z</dcterms:modified>
</cp:coreProperties>
</file>